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7277028\Desktop\EstupefacientesColombia\data\Excel\"/>
    </mc:Choice>
  </mc:AlternateContent>
  <xr:revisionPtr revIDLastSave="0" documentId="10_ncr:100000_{2CE2F030-B6B0-46FF-BD19-410D211B6A9C}" xr6:coauthVersionLast="31" xr6:coauthVersionMax="31" xr10:uidLastSave="{00000000-0000-0000-0000-000000000000}"/>
  <bookViews>
    <workbookView xWindow="0" yWindow="0" windowWidth="25200" windowHeight="11775" xr2:uid="{00000000-000D-0000-FFFF-FFFF00000000}"/>
  </bookViews>
  <sheets>
    <sheet name="First Sheet" sheetId="1" r:id="rId1"/>
  </sheets>
  <definedNames>
    <definedName name="_xlnm._FilterDatabase" localSheetId="0" hidden="1">'First Sheet'!$A$1:$H$837897</definedName>
  </definedNames>
  <calcPr calcId="0"/>
</workbook>
</file>

<file path=xl/sharedStrings.xml><?xml version="1.0" encoding="utf-8"?>
<sst xmlns="http://schemas.openxmlformats.org/spreadsheetml/2006/main" count="6703176" uniqueCount="21057">
  <si>
    <t>FECHA</t>
  </si>
  <si>
    <t>DEPARTAMENTO</t>
  </si>
  <si>
    <t>MUNICIPIO</t>
  </si>
  <si>
    <t>CLASE DE ESTUPEFACIENTE</t>
  </si>
  <si>
    <t>CLASE DE SITIO</t>
  </si>
  <si>
    <t>ZONA</t>
  </si>
  <si>
    <t>UNIDAD DE MEDIDA</t>
  </si>
  <si>
    <t>CANTIDAD</t>
  </si>
  <si>
    <t>01/01/2011 12:00:00 AM</t>
  </si>
  <si>
    <t>AMAZONAS</t>
  </si>
  <si>
    <t xml:space="preserve">LETICIA </t>
  </si>
  <si>
    <t>BASUCO</t>
  </si>
  <si>
    <t>VIAS PUBLICAS</t>
  </si>
  <si>
    <t>URBANA</t>
  </si>
  <si>
    <t>GRAMO</t>
  </si>
  <si>
    <t>1</t>
  </si>
  <si>
    <t>ANTIOQUIA</t>
  </si>
  <si>
    <t>AMALFI</t>
  </si>
  <si>
    <t>MARIHUANA</t>
  </si>
  <si>
    <t>SECTOR COMERCIO</t>
  </si>
  <si>
    <t>14</t>
  </si>
  <si>
    <t>ANDES</t>
  </si>
  <si>
    <t>RURAL</t>
  </si>
  <si>
    <t>6</t>
  </si>
  <si>
    <t>BETULIA</t>
  </si>
  <si>
    <t>16</t>
  </si>
  <si>
    <t>CAMPAMENTO</t>
  </si>
  <si>
    <t>PARQUES</t>
  </si>
  <si>
    <t>CAROLINA</t>
  </si>
  <si>
    <t>3</t>
  </si>
  <si>
    <t>CAUCASIA</t>
  </si>
  <si>
    <t>42</t>
  </si>
  <si>
    <t>CIUDAD BOLÍVAR</t>
  </si>
  <si>
    <t>60</t>
  </si>
  <si>
    <t>EBÉJICO</t>
  </si>
  <si>
    <t>5</t>
  </si>
  <si>
    <t>FREDONIA</t>
  </si>
  <si>
    <t>BASE DE COCA</t>
  </si>
  <si>
    <t>FRONTINO</t>
  </si>
  <si>
    <t>HELICONIA</t>
  </si>
  <si>
    <t>JERICÓ</t>
  </si>
  <si>
    <t>7</t>
  </si>
  <si>
    <t>LIBORINA</t>
  </si>
  <si>
    <t xml:space="preserve">MEDELLÍN </t>
  </si>
  <si>
    <t>120</t>
  </si>
  <si>
    <t>520</t>
  </si>
  <si>
    <t>PUERTO BERRÍO</t>
  </si>
  <si>
    <t>24</t>
  </si>
  <si>
    <t>REMEDIOS</t>
  </si>
  <si>
    <t>10</t>
  </si>
  <si>
    <t>RIONEGRO</t>
  </si>
  <si>
    <t>COCAINA</t>
  </si>
  <si>
    <t>2</t>
  </si>
  <si>
    <t>TÁMESIS</t>
  </si>
  <si>
    <t>YALÍ</t>
  </si>
  <si>
    <t>BOLÍVAR</t>
  </si>
  <si>
    <t>CALAMAR</t>
  </si>
  <si>
    <t>45</t>
  </si>
  <si>
    <t>52</t>
  </si>
  <si>
    <t>50</t>
  </si>
  <si>
    <t>SANTA ROSA DEL SUR</t>
  </si>
  <si>
    <t>BOYACÁ</t>
  </si>
  <si>
    <t>PUERTO BOYACÁ</t>
  </si>
  <si>
    <t>4</t>
  </si>
  <si>
    <t>SOGAMOSO</t>
  </si>
  <si>
    <t>CALDAS</t>
  </si>
  <si>
    <t xml:space="preserve">MANIZALES </t>
  </si>
  <si>
    <t>MARQUETALIA</t>
  </si>
  <si>
    <t>9</t>
  </si>
  <si>
    <t>CASANARE</t>
  </si>
  <si>
    <t>AGUAZUL</t>
  </si>
  <si>
    <t>CAUCA</t>
  </si>
  <si>
    <t>SANTANDER DE QUILICHAO</t>
  </si>
  <si>
    <t>CASAS DE HABITACION</t>
  </si>
  <si>
    <t>267</t>
  </si>
  <si>
    <t>CÓRDOBA</t>
  </si>
  <si>
    <t xml:space="preserve">MONTERÍA </t>
  </si>
  <si>
    <t>CUNDINAMARCA</t>
  </si>
  <si>
    <t xml:space="preserve">BOGOTÁ D.C. </t>
  </si>
  <si>
    <t>209</t>
  </si>
  <si>
    <t>ALMACENES</t>
  </si>
  <si>
    <t>110</t>
  </si>
  <si>
    <t>855</t>
  </si>
  <si>
    <t>CAPARRAPÍ</t>
  </si>
  <si>
    <t>CHOACHÍ</t>
  </si>
  <si>
    <t>18</t>
  </si>
  <si>
    <t>FACATATIVÁ</t>
  </si>
  <si>
    <t>17</t>
  </si>
  <si>
    <t>FUNZA</t>
  </si>
  <si>
    <t>FUSAGASUGÁ</t>
  </si>
  <si>
    <t>76</t>
  </si>
  <si>
    <t>GIRARDOT</t>
  </si>
  <si>
    <t>BARES, CANTINAS Y SIMILARES</t>
  </si>
  <si>
    <t>8</t>
  </si>
  <si>
    <t>LENGUAZAQUE</t>
  </si>
  <si>
    <t>MADRID</t>
  </si>
  <si>
    <t>SOACHA</t>
  </si>
  <si>
    <t>FRENTE A RESIDENCIAS - VIA PUBLICA</t>
  </si>
  <si>
    <t>39</t>
  </si>
  <si>
    <t>UNE</t>
  </si>
  <si>
    <t>ZIPAQUIRÁ</t>
  </si>
  <si>
    <t>20</t>
  </si>
  <si>
    <t>HUILA</t>
  </si>
  <si>
    <t>CAMPOALEGRE</t>
  </si>
  <si>
    <t>MAGDALENA</t>
  </si>
  <si>
    <t xml:space="preserve">SANTA MARTA </t>
  </si>
  <si>
    <t>DENTRO DE LA VIVIENDA</t>
  </si>
  <si>
    <t>33</t>
  </si>
  <si>
    <t>15</t>
  </si>
  <si>
    <t>META</t>
  </si>
  <si>
    <t xml:space="preserve">VILLAVICENCIO </t>
  </si>
  <si>
    <t>11</t>
  </si>
  <si>
    <t>12</t>
  </si>
  <si>
    <t>NORTE DE SANTANDER</t>
  </si>
  <si>
    <t>PUERTO SANTANDER</t>
  </si>
  <si>
    <t>90</t>
  </si>
  <si>
    <t>QUINDÍO</t>
  </si>
  <si>
    <t xml:space="preserve">ARMENIA </t>
  </si>
  <si>
    <t>CALARCA</t>
  </si>
  <si>
    <t>QUIMBAYA</t>
  </si>
  <si>
    <t>FRENTE A COLEGIO - VIA PUBLICA</t>
  </si>
  <si>
    <t>150</t>
  </si>
  <si>
    <t>100</t>
  </si>
  <si>
    <t>31</t>
  </si>
  <si>
    <t>RISARALDA</t>
  </si>
  <si>
    <t>DOSQUEBRADAS</t>
  </si>
  <si>
    <t>LA CELIA</t>
  </si>
  <si>
    <t>LA VIRGINIA</t>
  </si>
  <si>
    <t xml:space="preserve">PEREIRA </t>
  </si>
  <si>
    <t>324</t>
  </si>
  <si>
    <t>63</t>
  </si>
  <si>
    <t>EXTASIS</t>
  </si>
  <si>
    <t>UNIDAD</t>
  </si>
  <si>
    <t>HEROINA</t>
  </si>
  <si>
    <t>1286</t>
  </si>
  <si>
    <t>SANTANDER</t>
  </si>
  <si>
    <t>FLORIDABLANCA</t>
  </si>
  <si>
    <t>40</t>
  </si>
  <si>
    <t>30</t>
  </si>
  <si>
    <t>GIRÓN</t>
  </si>
  <si>
    <t>80</t>
  </si>
  <si>
    <t>415</t>
  </si>
  <si>
    <t>LEBRIJA</t>
  </si>
  <si>
    <t>PIEDECUESTA</t>
  </si>
  <si>
    <t>65</t>
  </si>
  <si>
    <t>TOLIMA</t>
  </si>
  <si>
    <t xml:space="preserve">IBAGUÉ </t>
  </si>
  <si>
    <t>28</t>
  </si>
  <si>
    <t>VALLE</t>
  </si>
  <si>
    <t>BUENAVENTURA</t>
  </si>
  <si>
    <t xml:space="preserve">CALI </t>
  </si>
  <si>
    <t>32</t>
  </si>
  <si>
    <t>307</t>
  </si>
  <si>
    <t>GUADALAJARA DE BUGA</t>
  </si>
  <si>
    <t>70</t>
  </si>
  <si>
    <t>JAMUNDÍ</t>
  </si>
  <si>
    <t>PALMIRA</t>
  </si>
  <si>
    <t>AEROPUERTO</t>
  </si>
  <si>
    <t>1207</t>
  </si>
  <si>
    <t>RESTREPO</t>
  </si>
  <si>
    <t>35</t>
  </si>
  <si>
    <t>01/02/2011 12:00:00 AM</t>
  </si>
  <si>
    <t>ANORÍ</t>
  </si>
  <si>
    <t>ANZA</t>
  </si>
  <si>
    <t>BELMIRA</t>
  </si>
  <si>
    <t>FINCAS Y SIMILARES</t>
  </si>
  <si>
    <t>RIOS</t>
  </si>
  <si>
    <t>226</t>
  </si>
  <si>
    <t>CAÑASGORDAS</t>
  </si>
  <si>
    <t>62</t>
  </si>
  <si>
    <t>CONCORDIA</t>
  </si>
  <si>
    <t>COPACABANA</t>
  </si>
  <si>
    <t>205</t>
  </si>
  <si>
    <t>0</t>
  </si>
  <si>
    <t>ITAGUI</t>
  </si>
  <si>
    <t>LA PINTADA</t>
  </si>
  <si>
    <t>MARINILLA</t>
  </si>
  <si>
    <t>710</t>
  </si>
  <si>
    <t>820</t>
  </si>
  <si>
    <t>OLAYA</t>
  </si>
  <si>
    <t>PEÑOL</t>
  </si>
  <si>
    <t>PUEBLORRICO</t>
  </si>
  <si>
    <t>58</t>
  </si>
  <si>
    <t>PUERTO TRIUNFO</t>
  </si>
  <si>
    <t>27</t>
  </si>
  <si>
    <t>SAN PEDRO</t>
  </si>
  <si>
    <t>SAN VICENTE</t>
  </si>
  <si>
    <t>PLAZAS DE MERCADO</t>
  </si>
  <si>
    <t>SEGOVIA</t>
  </si>
  <si>
    <t>TARSO</t>
  </si>
  <si>
    <t>TITIRIBÍ</t>
  </si>
  <si>
    <t>URAMITA</t>
  </si>
  <si>
    <t>VALPARAÍSO</t>
  </si>
  <si>
    <t>ATLÁNTICO</t>
  </si>
  <si>
    <t xml:space="preserve">BARRANQUILLA </t>
  </si>
  <si>
    <t>567</t>
  </si>
  <si>
    <t>180</t>
  </si>
  <si>
    <t>ARJONA</t>
  </si>
  <si>
    <t>44</t>
  </si>
  <si>
    <t>PLAYA</t>
  </si>
  <si>
    <t>NO DEFINIDO</t>
  </si>
  <si>
    <t>DUITAMA</t>
  </si>
  <si>
    <t>66</t>
  </si>
  <si>
    <t>23</t>
  </si>
  <si>
    <t xml:space="preserve">TUNJA </t>
  </si>
  <si>
    <t>25</t>
  </si>
  <si>
    <t>VILLA DE LEYVA</t>
  </si>
  <si>
    <t>21</t>
  </si>
  <si>
    <t>CHINCHINÁ</t>
  </si>
  <si>
    <t>TERMINAL DE TRANSPORTES</t>
  </si>
  <si>
    <t>115</t>
  </si>
  <si>
    <t>87</t>
  </si>
  <si>
    <t>RIOSUCIO</t>
  </si>
  <si>
    <t>CESAR</t>
  </si>
  <si>
    <t>AGUSTÍN CODAZZI</t>
  </si>
  <si>
    <t>143</t>
  </si>
  <si>
    <t>29</t>
  </si>
  <si>
    <t>213</t>
  </si>
  <si>
    <t>250</t>
  </si>
  <si>
    <t>305</t>
  </si>
  <si>
    <t>CHÍA</t>
  </si>
  <si>
    <t>EL ROSAL</t>
  </si>
  <si>
    <t>FOMEQUE</t>
  </si>
  <si>
    <t>13</t>
  </si>
  <si>
    <t>GUADUAS</t>
  </si>
  <si>
    <t>TRAMO DE VIA</t>
  </si>
  <si>
    <t>105</t>
  </si>
  <si>
    <t>MOSQUERA</t>
  </si>
  <si>
    <t>PUERTO SALGAR</t>
  </si>
  <si>
    <t>MUELLE</t>
  </si>
  <si>
    <t>43</t>
  </si>
  <si>
    <t>GUAVIARE</t>
  </si>
  <si>
    <t>EL RETORNO</t>
  </si>
  <si>
    <t>6000</t>
  </si>
  <si>
    <t xml:space="preserve">SAN JOSÉ DEL GUAVIARE </t>
  </si>
  <si>
    <t>BARAYA</t>
  </si>
  <si>
    <t>525</t>
  </si>
  <si>
    <t>SAN AGUSTÍN</t>
  </si>
  <si>
    <t>283</t>
  </si>
  <si>
    <t>NARIÑO</t>
  </si>
  <si>
    <t>LA CRUZ</t>
  </si>
  <si>
    <t>TÚQUERRES</t>
  </si>
  <si>
    <t>YACUANQUER</t>
  </si>
  <si>
    <t xml:space="preserve">CÚCUTA </t>
  </si>
  <si>
    <t>SAN CAYETANO</t>
  </si>
  <si>
    <t>TIBÚ</t>
  </si>
  <si>
    <t>VILLA DEL ROSARIO</t>
  </si>
  <si>
    <t>113</t>
  </si>
  <si>
    <t>PUTUMAYO</t>
  </si>
  <si>
    <t xml:space="preserve">MOCOA </t>
  </si>
  <si>
    <t>PUESTO DE CONTROL</t>
  </si>
  <si>
    <t>71</t>
  </si>
  <si>
    <t>49</t>
  </si>
  <si>
    <t>LA TEBAIDA</t>
  </si>
  <si>
    <t>BELÉN DE UMBRÍA</t>
  </si>
  <si>
    <t>81</t>
  </si>
  <si>
    <t>175</t>
  </si>
  <si>
    <t>BARRANCABERMEJA</t>
  </si>
  <si>
    <t>CARCELES</t>
  </si>
  <si>
    <t>95</t>
  </si>
  <si>
    <t xml:space="preserve">BUCARAMANGA </t>
  </si>
  <si>
    <t>140</t>
  </si>
  <si>
    <t>735</t>
  </si>
  <si>
    <t>PUERTO WILCHES</t>
  </si>
  <si>
    <t>VALLE DE SAN JOSÉ</t>
  </si>
  <si>
    <t>SUCRE</t>
  </si>
  <si>
    <t>SAN LUIS DE SINCÉ</t>
  </si>
  <si>
    <t>SANTIAGO DE TOLÚ</t>
  </si>
  <si>
    <t>490</t>
  </si>
  <si>
    <t>2195</t>
  </si>
  <si>
    <t>01/03/2011 12:00:00 AM</t>
  </si>
  <si>
    <t>ABEJORRAL</t>
  </si>
  <si>
    <t>537</t>
  </si>
  <si>
    <t>BARBOSA</t>
  </si>
  <si>
    <t>BELLO</t>
  </si>
  <si>
    <t>130</t>
  </si>
  <si>
    <t>CÁCERES</t>
  </si>
  <si>
    <t>82</t>
  </si>
  <si>
    <t>CARAMANTA</t>
  </si>
  <si>
    <t>CHIGORODÓ</t>
  </si>
  <si>
    <t>507</t>
  </si>
  <si>
    <t>109</t>
  </si>
  <si>
    <t>1191</t>
  </si>
  <si>
    <t>19</t>
  </si>
  <si>
    <t>EL SANTUARIO</t>
  </si>
  <si>
    <t>309</t>
  </si>
  <si>
    <t>ENVIGADO</t>
  </si>
  <si>
    <t>930</t>
  </si>
  <si>
    <t>PUERTO NARE</t>
  </si>
  <si>
    <t>CEMENTERIO</t>
  </si>
  <si>
    <t>600</t>
  </si>
  <si>
    <t>SANTAFÉ DE ANTIOQUIA</t>
  </si>
  <si>
    <t>VALDIVIA</t>
  </si>
  <si>
    <t>VEGACHÍ</t>
  </si>
  <si>
    <t>338</t>
  </si>
  <si>
    <t>PUERTO</t>
  </si>
  <si>
    <t>1510500</t>
  </si>
  <si>
    <t>102</t>
  </si>
  <si>
    <t>CHIQUINQUIRÁ</t>
  </si>
  <si>
    <t>MIRAFLORES</t>
  </si>
  <si>
    <t>SOATÁ</t>
  </si>
  <si>
    <t>4688</t>
  </si>
  <si>
    <t>MONTERREY</t>
  </si>
  <si>
    <t xml:space="preserve">POPAYÁN </t>
  </si>
  <si>
    <t>CHOCÓ</t>
  </si>
  <si>
    <t xml:space="preserve">QUIBDÓ </t>
  </si>
  <si>
    <t>SAHAGÚN</t>
  </si>
  <si>
    <t>147</t>
  </si>
  <si>
    <t>74</t>
  </si>
  <si>
    <t>1110</t>
  </si>
  <si>
    <t>CAJICÁ</t>
  </si>
  <si>
    <t>CAQUEZA</t>
  </si>
  <si>
    <t>CHIPAQUE</t>
  </si>
  <si>
    <t>36</t>
  </si>
  <si>
    <t>PISCINA</t>
  </si>
  <si>
    <t>LA MESA</t>
  </si>
  <si>
    <t>72</t>
  </si>
  <si>
    <t>GUAJIRA</t>
  </si>
  <si>
    <t>MAICAO</t>
  </si>
  <si>
    <t>VILLANUEVA</t>
  </si>
  <si>
    <t xml:space="preserve">NEIVA </t>
  </si>
  <si>
    <t>649</t>
  </si>
  <si>
    <t>12000</t>
  </si>
  <si>
    <t>PALERMO</t>
  </si>
  <si>
    <t>CIÉNAGA</t>
  </si>
  <si>
    <t>98</t>
  </si>
  <si>
    <t>TAMINANGO</t>
  </si>
  <si>
    <t>CANCHA DE FUTBOL</t>
  </si>
  <si>
    <t>254</t>
  </si>
  <si>
    <t>51</t>
  </si>
  <si>
    <t>149</t>
  </si>
  <si>
    <t>MONTENEGRO</t>
  </si>
  <si>
    <t>GUÁTICA</t>
  </si>
  <si>
    <t>61</t>
  </si>
  <si>
    <t>SANTUARIO</t>
  </si>
  <si>
    <t>PUERTO PARRA</t>
  </si>
  <si>
    <t>26000</t>
  </si>
  <si>
    <t>624</t>
  </si>
  <si>
    <t>5800</t>
  </si>
  <si>
    <t>248</t>
  </si>
  <si>
    <t>01/04/2011 12:00:00 AM</t>
  </si>
  <si>
    <t>22</t>
  </si>
  <si>
    <t>APARTADÓ</t>
  </si>
  <si>
    <t>262</t>
  </si>
  <si>
    <t>ARMENIA</t>
  </si>
  <si>
    <t>CAICEDO</t>
  </si>
  <si>
    <t>GUARNE</t>
  </si>
  <si>
    <t>55</t>
  </si>
  <si>
    <t>MACEO</t>
  </si>
  <si>
    <t>270</t>
  </si>
  <si>
    <t>258</t>
  </si>
  <si>
    <t>INTERIOR VEHICULO SERVICIO PUBLICO</t>
  </si>
  <si>
    <t>7000</t>
  </si>
  <si>
    <t>SAN RAFAEL</t>
  </si>
  <si>
    <t>SANTA BÁRBARA</t>
  </si>
  <si>
    <t>TURBO</t>
  </si>
  <si>
    <t>URRAO</t>
  </si>
  <si>
    <t>CALETA</t>
  </si>
  <si>
    <t>173000</t>
  </si>
  <si>
    <t>360</t>
  </si>
  <si>
    <t>159</t>
  </si>
  <si>
    <t>89</t>
  </si>
  <si>
    <t>LA DORADA</t>
  </si>
  <si>
    <t>CARRETERA</t>
  </si>
  <si>
    <t>135</t>
  </si>
  <si>
    <t>64</t>
  </si>
  <si>
    <t>405</t>
  </si>
  <si>
    <t>SALAMINA</t>
  </si>
  <si>
    <t>151</t>
  </si>
  <si>
    <t>973</t>
  </si>
  <si>
    <t>38</t>
  </si>
  <si>
    <t>LA CALERA</t>
  </si>
  <si>
    <t>26</t>
  </si>
  <si>
    <t>TENJO</t>
  </si>
  <si>
    <t>PIVIJAY</t>
  </si>
  <si>
    <t>3600</t>
  </si>
  <si>
    <t>200</t>
  </si>
  <si>
    <t>PUERTO GAITÁN</t>
  </si>
  <si>
    <t>PERIMETRO URBANO</t>
  </si>
  <si>
    <t>EL TAMBO</t>
  </si>
  <si>
    <t xml:space="preserve">PASTO </t>
  </si>
  <si>
    <t>SANDONÁ</t>
  </si>
  <si>
    <t>160</t>
  </si>
  <si>
    <t>230</t>
  </si>
  <si>
    <t>EL ZULIA</t>
  </si>
  <si>
    <t>PAMPLONA</t>
  </si>
  <si>
    <t>LOTE BALDIO</t>
  </si>
  <si>
    <t>402</t>
  </si>
  <si>
    <t>613</t>
  </si>
  <si>
    <t>SANTA ROSA DE CABAL</t>
  </si>
  <si>
    <t>53</t>
  </si>
  <si>
    <t>315</t>
  </si>
  <si>
    <t xml:space="preserve">SINCELEJO </t>
  </si>
  <si>
    <t>01/05/2011 12:00:00 AM</t>
  </si>
  <si>
    <t>SOTAQUIRÁ</t>
  </si>
  <si>
    <t>CARMEN DE APICALÁ</t>
  </si>
  <si>
    <t>500</t>
  </si>
  <si>
    <t>ESPINAL</t>
  </si>
  <si>
    <t>67</t>
  </si>
  <si>
    <t>ANDALUCÍA</t>
  </si>
  <si>
    <t>625</t>
  </si>
  <si>
    <t>85</t>
  </si>
  <si>
    <t>141</t>
  </si>
  <si>
    <t>1599</t>
  </si>
  <si>
    <t>PASTILLAS ALUCINOGENAS ROCHE</t>
  </si>
  <si>
    <t>CARTAGO</t>
  </si>
  <si>
    <t>LA CUMBRE</t>
  </si>
  <si>
    <t>TORO</t>
  </si>
  <si>
    <t>TULUÁ</t>
  </si>
  <si>
    <t>VERSALLES</t>
  </si>
  <si>
    <t>YOTOCO</t>
  </si>
  <si>
    <t>740</t>
  </si>
  <si>
    <t>ZARZAL</t>
  </si>
  <si>
    <t>BURITICÁ</t>
  </si>
  <si>
    <t>CISNEROS</t>
  </si>
  <si>
    <t>455</t>
  </si>
  <si>
    <t>COCORNÁ</t>
  </si>
  <si>
    <t>JARDÍN</t>
  </si>
  <si>
    <t>LA CEJA</t>
  </si>
  <si>
    <t>46</t>
  </si>
  <si>
    <t>LA UNIÓN</t>
  </si>
  <si>
    <t>185</t>
  </si>
  <si>
    <t>4240</t>
  </si>
  <si>
    <t>112</t>
  </si>
  <si>
    <t>SAN ANDRÉS DE CUERQUÍA</t>
  </si>
  <si>
    <t>SONSON</t>
  </si>
  <si>
    <t>SOPETRÁN</t>
  </si>
  <si>
    <t>ARAUCA</t>
  </si>
  <si>
    <t xml:space="preserve">ARAUCA </t>
  </si>
  <si>
    <t>SARAVENA</t>
  </si>
  <si>
    <t>4133</t>
  </si>
  <si>
    <t>900</t>
  </si>
  <si>
    <t>ARENAL</t>
  </si>
  <si>
    <t>EL CARMEN DE BOLÍVAR</t>
  </si>
  <si>
    <t>SIMITÍ</t>
  </si>
  <si>
    <t>3320</t>
  </si>
  <si>
    <t>47</t>
  </si>
  <si>
    <t>69</t>
  </si>
  <si>
    <t>400</t>
  </si>
  <si>
    <t>1000</t>
  </si>
  <si>
    <t>30000</t>
  </si>
  <si>
    <t>473</t>
  </si>
  <si>
    <t>CAQUETÁ</t>
  </si>
  <si>
    <t xml:space="preserve">FLORENCIA </t>
  </si>
  <si>
    <t>1250</t>
  </si>
  <si>
    <t>MIRANDA</t>
  </si>
  <si>
    <t>3077</t>
  </si>
  <si>
    <t>620</t>
  </si>
  <si>
    <t>3000</t>
  </si>
  <si>
    <t>CURUMANÍ</t>
  </si>
  <si>
    <t>1500</t>
  </si>
  <si>
    <t>CERETÉ</t>
  </si>
  <si>
    <t>260</t>
  </si>
  <si>
    <t>4407</t>
  </si>
  <si>
    <t>565</t>
  </si>
  <si>
    <t>GUAYABETAL</t>
  </si>
  <si>
    <t>VILLETA</t>
  </si>
  <si>
    <t>332</t>
  </si>
  <si>
    <t>ACACÍAS</t>
  </si>
  <si>
    <t>50000</t>
  </si>
  <si>
    <t>EL PEÑOL</t>
  </si>
  <si>
    <t>EL ROSARIO</t>
  </si>
  <si>
    <t>IPIALES</t>
  </si>
  <si>
    <t>139</t>
  </si>
  <si>
    <t>616</t>
  </si>
  <si>
    <t>LA ESPERANZA</t>
  </si>
  <si>
    <t>167</t>
  </si>
  <si>
    <t>SARDINATA</t>
  </si>
  <si>
    <t>245</t>
  </si>
  <si>
    <t>48</t>
  </si>
  <si>
    <t>SOBRE ANDEN - VIA PUBLICA</t>
  </si>
  <si>
    <t>1084</t>
  </si>
  <si>
    <t>CIRCASIA</t>
  </si>
  <si>
    <t>41</t>
  </si>
  <si>
    <t>PIJAO</t>
  </si>
  <si>
    <t>37</t>
  </si>
  <si>
    <t>APÍA</t>
  </si>
  <si>
    <t>MARSELLA</t>
  </si>
  <si>
    <t>137</t>
  </si>
  <si>
    <t>390</t>
  </si>
  <si>
    <t>101</t>
  </si>
  <si>
    <t>155</t>
  </si>
  <si>
    <t>SOCORRO</t>
  </si>
  <si>
    <t>COROZAL</t>
  </si>
  <si>
    <t>LOS PALMITOS</t>
  </si>
  <si>
    <t>SAN MARCOS</t>
  </si>
  <si>
    <t>240</t>
  </si>
  <si>
    <t>MELGAR</t>
  </si>
  <si>
    <t>86</t>
  </si>
  <si>
    <t>2000</t>
  </si>
  <si>
    <t>EL CERRITO</t>
  </si>
  <si>
    <t>ROLDANILLO</t>
  </si>
  <si>
    <t>SEVILLA</t>
  </si>
  <si>
    <t>VAUPÉS</t>
  </si>
  <si>
    <t xml:space="preserve">MITÚ </t>
  </si>
  <si>
    <t>01/06/2011 12:00:00 AM</t>
  </si>
  <si>
    <t>421</t>
  </si>
  <si>
    <t>190</t>
  </si>
  <si>
    <t>ENTRERRIOS</t>
  </si>
  <si>
    <t>127</t>
  </si>
  <si>
    <t>1390</t>
  </si>
  <si>
    <t>SABANALARGA</t>
  </si>
  <si>
    <t>SAN CARLOS</t>
  </si>
  <si>
    <t>SAN JOSÉ DE LA MONTAÑA</t>
  </si>
  <si>
    <t>SAN ROQUE</t>
  </si>
  <si>
    <t>TARAZÁ</t>
  </si>
  <si>
    <t>LURUACO</t>
  </si>
  <si>
    <t>SOLEDAD</t>
  </si>
  <si>
    <t>56</t>
  </si>
  <si>
    <t>PALESTINA</t>
  </si>
  <si>
    <t>350</t>
  </si>
  <si>
    <t>800</t>
  </si>
  <si>
    <t>HATO COROZAL</t>
  </si>
  <si>
    <t xml:space="preserve">YOPAL </t>
  </si>
  <si>
    <t>PATÍA</t>
  </si>
  <si>
    <t>VILLA RICA</t>
  </si>
  <si>
    <t>108</t>
  </si>
  <si>
    <t>100000</t>
  </si>
  <si>
    <t xml:space="preserve">VALLEDUPAR </t>
  </si>
  <si>
    <t>ANAPOIMA</t>
  </si>
  <si>
    <t>ANFETAMINA</t>
  </si>
  <si>
    <t>59</t>
  </si>
  <si>
    <t>ESTACION TRANSMILENIO (INICIAL)</t>
  </si>
  <si>
    <t>438</t>
  </si>
  <si>
    <t>77</t>
  </si>
  <si>
    <t>VILLA DE SAN DIEGO DE UBATE</t>
  </si>
  <si>
    <t>161</t>
  </si>
  <si>
    <t>ZONA BANANERA</t>
  </si>
  <si>
    <t>ALBÁN</t>
  </si>
  <si>
    <t>CUMBITARA</t>
  </si>
  <si>
    <t>IMUÉS</t>
  </si>
  <si>
    <t>TANGUA</t>
  </si>
  <si>
    <t>214</t>
  </si>
  <si>
    <t>75</t>
  </si>
  <si>
    <t>BUENAVISTA</t>
  </si>
  <si>
    <t>162</t>
  </si>
  <si>
    <t>242</t>
  </si>
  <si>
    <t>CIMITARRA</t>
  </si>
  <si>
    <t>SAN ONOFRE</t>
  </si>
  <si>
    <t>850</t>
  </si>
  <si>
    <t>5676</t>
  </si>
  <si>
    <t>225</t>
  </si>
  <si>
    <t>3525380</t>
  </si>
  <si>
    <t>73</t>
  </si>
  <si>
    <t>DAGUA</t>
  </si>
  <si>
    <t>LA VICTORIA</t>
  </si>
  <si>
    <t>YUMBO</t>
  </si>
  <si>
    <t>01/07/2011 12:00:00 AM</t>
  </si>
  <si>
    <t>BRICEÑO</t>
  </si>
  <si>
    <t>INTERIOR VEHICULO PARTICULAR</t>
  </si>
  <si>
    <t>14500</t>
  </si>
  <si>
    <t>1300</t>
  </si>
  <si>
    <t>EL CARMEN DE VIBORAL</t>
  </si>
  <si>
    <t>COLISEO</t>
  </si>
  <si>
    <t>297</t>
  </si>
  <si>
    <t>3235</t>
  </si>
  <si>
    <t>SAN JUAN DE URABÁ</t>
  </si>
  <si>
    <t>34</t>
  </si>
  <si>
    <t>SANTA ROSA DE OSOS</t>
  </si>
  <si>
    <t>TAME</t>
  </si>
  <si>
    <t>ESTABLECIMIENTOS REVISADOS</t>
  </si>
  <si>
    <t>747</t>
  </si>
  <si>
    <t>1049</t>
  </si>
  <si>
    <t>10311</t>
  </si>
  <si>
    <t>5715</t>
  </si>
  <si>
    <t>452</t>
  </si>
  <si>
    <t>GALAPA</t>
  </si>
  <si>
    <t>118</t>
  </si>
  <si>
    <t>PUENTE</t>
  </si>
  <si>
    <t>308</t>
  </si>
  <si>
    <t>SANTA ROSA</t>
  </si>
  <si>
    <t>355</t>
  </si>
  <si>
    <t>550</t>
  </si>
  <si>
    <t>9000</t>
  </si>
  <si>
    <t>246</t>
  </si>
  <si>
    <t>2539</t>
  </si>
  <si>
    <t>896</t>
  </si>
  <si>
    <t>COTA</t>
  </si>
  <si>
    <t>344</t>
  </si>
  <si>
    <t>EL BANCO</t>
  </si>
  <si>
    <t>92</t>
  </si>
  <si>
    <t>SAN MARTÍN</t>
  </si>
  <si>
    <t>20000</t>
  </si>
  <si>
    <t>ARBOLEDA</t>
  </si>
  <si>
    <t>BELÉN</t>
  </si>
  <si>
    <t>CHACHAGÜÍ</t>
  </si>
  <si>
    <t>CONSACA</t>
  </si>
  <si>
    <t>ILES</t>
  </si>
  <si>
    <t>LA FLORIDA</t>
  </si>
  <si>
    <t>LINARES</t>
  </si>
  <si>
    <t>542</t>
  </si>
  <si>
    <t>SANTACRUZ</t>
  </si>
  <si>
    <t>ESTADIO</t>
  </si>
  <si>
    <t>93</t>
  </si>
  <si>
    <t>68</t>
  </si>
  <si>
    <t>FRENTE CLINICA U HOSPITAL - VIA PUBLICA</t>
  </si>
  <si>
    <t>88</t>
  </si>
  <si>
    <t>SALENTO</t>
  </si>
  <si>
    <t>580</t>
  </si>
  <si>
    <t>QUINCHÍA</t>
  </si>
  <si>
    <t>460</t>
  </si>
  <si>
    <t>SAN GIL</t>
  </si>
  <si>
    <t>244</t>
  </si>
  <si>
    <t>282</t>
  </si>
  <si>
    <t>403</t>
  </si>
  <si>
    <t>2875</t>
  </si>
  <si>
    <t>GINEBRA</t>
  </si>
  <si>
    <t>01/08/2011 12:00:00 AM</t>
  </si>
  <si>
    <t>AMAGÁ</t>
  </si>
  <si>
    <t>104</t>
  </si>
  <si>
    <t>318</t>
  </si>
  <si>
    <t>280</t>
  </si>
  <si>
    <t>DON MATÍAS</t>
  </si>
  <si>
    <t>GÓMEZ PLATA</t>
  </si>
  <si>
    <t>2129</t>
  </si>
  <si>
    <t>LA ESTRELLA</t>
  </si>
  <si>
    <t>960</t>
  </si>
  <si>
    <t>1368</t>
  </si>
  <si>
    <t>865</t>
  </si>
  <si>
    <t>1030</t>
  </si>
  <si>
    <t>11309</t>
  </si>
  <si>
    <t>VENECIA</t>
  </si>
  <si>
    <t>PUERTO COLOMBIA</t>
  </si>
  <si>
    <t>103</t>
  </si>
  <si>
    <t>TURBACO</t>
  </si>
  <si>
    <t>GARAGOA</t>
  </si>
  <si>
    <t>414</t>
  </si>
  <si>
    <t>614</t>
  </si>
  <si>
    <t>SUPÍA</t>
  </si>
  <si>
    <t>SOLITA</t>
  </si>
  <si>
    <t>1535</t>
  </si>
  <si>
    <t>1784</t>
  </si>
  <si>
    <t>SAN BERNARDO DEL VIENTO</t>
  </si>
  <si>
    <t>11108</t>
  </si>
  <si>
    <t>927</t>
  </si>
  <si>
    <t>PLAZA DE TOROS</t>
  </si>
  <si>
    <t>GRANADA</t>
  </si>
  <si>
    <t>SILVANIA</t>
  </si>
  <si>
    <t>GUAINÍA</t>
  </si>
  <si>
    <t xml:space="preserve">INÍRIDA </t>
  </si>
  <si>
    <t>ANCUYÁ</t>
  </si>
  <si>
    <t>FUNES</t>
  </si>
  <si>
    <t>ESTACIONES DE SERVICIO</t>
  </si>
  <si>
    <t>FRENTE IGLESIA - VIA PUBLICA</t>
  </si>
  <si>
    <t>SAMANIEGO</t>
  </si>
  <si>
    <t>SAN ANDRES DE TUMACO</t>
  </si>
  <si>
    <t>ALTAMAR</t>
  </si>
  <si>
    <t>18384</t>
  </si>
  <si>
    <t>247</t>
  </si>
  <si>
    <t>GÉNOVA</t>
  </si>
  <si>
    <t>700</t>
  </si>
  <si>
    <t>1127</t>
  </si>
  <si>
    <t>300</t>
  </si>
  <si>
    <t>7100</t>
  </si>
  <si>
    <t>368</t>
  </si>
  <si>
    <t>MARIQUITA</t>
  </si>
  <si>
    <t>99</t>
  </si>
  <si>
    <t>125</t>
  </si>
  <si>
    <t>553</t>
  </si>
  <si>
    <t>CALIMA</t>
  </si>
  <si>
    <t>91</t>
  </si>
  <si>
    <t>TRUJILLO</t>
  </si>
  <si>
    <t>01/09/2011 12:00:00 AM</t>
  </si>
  <si>
    <t>ANGELÓPOLIS</t>
  </si>
  <si>
    <t>ARGELIA</t>
  </si>
  <si>
    <t>57</t>
  </si>
  <si>
    <t>CAREPA</t>
  </si>
  <si>
    <t>4527</t>
  </si>
  <si>
    <t>GUADALUPE</t>
  </si>
  <si>
    <t>LOCAL COMERCIAL</t>
  </si>
  <si>
    <t>HISPANIA</t>
  </si>
  <si>
    <t>1750</t>
  </si>
  <si>
    <t>480</t>
  </si>
  <si>
    <t>4600</t>
  </si>
  <si>
    <t>PASTILLAS ALUCINOGENAS ROVINOOL</t>
  </si>
  <si>
    <t>170</t>
  </si>
  <si>
    <t>MONTEBELLO</t>
  </si>
  <si>
    <t>NECHÍ</t>
  </si>
  <si>
    <t>465</t>
  </si>
  <si>
    <t>SANTO DOMINGO</t>
  </si>
  <si>
    <t>YOLOMBÓ</t>
  </si>
  <si>
    <t>370</t>
  </si>
  <si>
    <t>1024</t>
  </si>
  <si>
    <t>188</t>
  </si>
  <si>
    <t>MARMATO</t>
  </si>
  <si>
    <t>1700</t>
  </si>
  <si>
    <t>CORINTO</t>
  </si>
  <si>
    <t>300000</t>
  </si>
  <si>
    <t>AYAPEL</t>
  </si>
  <si>
    <t>MONTELÍBANO</t>
  </si>
  <si>
    <t>AGUA DE DIOS</t>
  </si>
  <si>
    <t>611</t>
  </si>
  <si>
    <t>27974</t>
  </si>
  <si>
    <t>EL COLEGIO</t>
  </si>
  <si>
    <t>GACHANCIPÁ</t>
  </si>
  <si>
    <t>CANCHAS DE TEJO</t>
  </si>
  <si>
    <t>SAN JUAN DE RÍO SECO</t>
  </si>
  <si>
    <t>83</t>
  </si>
  <si>
    <t>UBAQUE</t>
  </si>
  <si>
    <t>YACOPÍ</t>
  </si>
  <si>
    <t>FONSECA</t>
  </si>
  <si>
    <t xml:space="preserve">RIOHACHA </t>
  </si>
  <si>
    <t>158</t>
  </si>
  <si>
    <t>OCAÑA</t>
  </si>
  <si>
    <t>123</t>
  </si>
  <si>
    <t>124</t>
  </si>
  <si>
    <t>290</t>
  </si>
  <si>
    <t>1737</t>
  </si>
  <si>
    <t>ESCENARIOS DEPORTIVOS</t>
  </si>
  <si>
    <t>ICONONZO</t>
  </si>
  <si>
    <t>718</t>
  </si>
  <si>
    <t>195</t>
  </si>
  <si>
    <t>609</t>
  </si>
  <si>
    <t>79</t>
  </si>
  <si>
    <t>01/10/2011 12:00:00 AM</t>
  </si>
  <si>
    <t>ALEJANDRÍA</t>
  </si>
  <si>
    <t>ARBOLETES</t>
  </si>
  <si>
    <t>GIRALDO</t>
  </si>
  <si>
    <t>301</t>
  </si>
  <si>
    <t>194</t>
  </si>
  <si>
    <t>435</t>
  </si>
  <si>
    <t>1845</t>
  </si>
  <si>
    <t>SAN JERÓNIMO</t>
  </si>
  <si>
    <t>TOLEDO</t>
  </si>
  <si>
    <t>680</t>
  </si>
  <si>
    <t>MAGANGUÉ</t>
  </si>
  <si>
    <t>MOMPÓS</t>
  </si>
  <si>
    <t>SAMACÁ</t>
  </si>
  <si>
    <t>605</t>
  </si>
  <si>
    <t>2400</t>
  </si>
  <si>
    <t>PUERTO ESCONDIDO</t>
  </si>
  <si>
    <t>119</t>
  </si>
  <si>
    <t>3519</t>
  </si>
  <si>
    <t>644</t>
  </si>
  <si>
    <t>SUSA</t>
  </si>
  <si>
    <t>1860</t>
  </si>
  <si>
    <t>LA LLANADA</t>
  </si>
  <si>
    <t>PROVIDENCIA</t>
  </si>
  <si>
    <t>CONSULTORIOS MEDICOS</t>
  </si>
  <si>
    <t>980</t>
  </si>
  <si>
    <t>128</t>
  </si>
  <si>
    <t>132</t>
  </si>
  <si>
    <t>485</t>
  </si>
  <si>
    <t>1225</t>
  </si>
  <si>
    <t>168</t>
  </si>
  <si>
    <t>172</t>
  </si>
  <si>
    <t>01/11/2011 12:00:00 AM</t>
  </si>
  <si>
    <t>302</t>
  </si>
  <si>
    <t>330</t>
  </si>
  <si>
    <t>DABEIBA</t>
  </si>
  <si>
    <t>232</t>
  </si>
  <si>
    <t>450</t>
  </si>
  <si>
    <t>ITUANGO</t>
  </si>
  <si>
    <t>5000</t>
  </si>
  <si>
    <t>586</t>
  </si>
  <si>
    <t>17455</t>
  </si>
  <si>
    <t>NECOCLÍ</t>
  </si>
  <si>
    <t>2335</t>
  </si>
  <si>
    <t>78</t>
  </si>
  <si>
    <t>2860</t>
  </si>
  <si>
    <t>35000</t>
  </si>
  <si>
    <t>AGUACHICA</t>
  </si>
  <si>
    <t>SAN ALBERTO</t>
  </si>
  <si>
    <t>CANALETE</t>
  </si>
  <si>
    <t>107</t>
  </si>
  <si>
    <t>196</t>
  </si>
  <si>
    <t>1296</t>
  </si>
  <si>
    <t>BILLARES</t>
  </si>
  <si>
    <t>177</t>
  </si>
  <si>
    <t>LEJANÍAS</t>
  </si>
  <si>
    <t>13700</t>
  </si>
  <si>
    <t>EL TABLÓN DE GÓMEZ</t>
  </si>
  <si>
    <t>LEIVA</t>
  </si>
  <si>
    <t>MALLAMA</t>
  </si>
  <si>
    <t>201</t>
  </si>
  <si>
    <t>CÁCOTA</t>
  </si>
  <si>
    <t>DURANIA</t>
  </si>
  <si>
    <t>FRENTE OFICINA</t>
  </si>
  <si>
    <t>PUERTO LEGUÍZAMO</t>
  </si>
  <si>
    <t>54</t>
  </si>
  <si>
    <t>PUENTE PEATONAL</t>
  </si>
  <si>
    <t>427</t>
  </si>
  <si>
    <t>375</t>
  </si>
  <si>
    <t>255</t>
  </si>
  <si>
    <t>310</t>
  </si>
  <si>
    <t>PUEBLO RICO</t>
  </si>
  <si>
    <t>BUGALAGRANDE</t>
  </si>
  <si>
    <t>1568</t>
  </si>
  <si>
    <t>94</t>
  </si>
  <si>
    <t>01/12/2011 12:00:00 AM</t>
  </si>
  <si>
    <t>253</t>
  </si>
  <si>
    <t>CONCEPCIÓN</t>
  </si>
  <si>
    <t>ESTACION DEL METRO</t>
  </si>
  <si>
    <t>INSTALACIONES GUBERNAMENTALES</t>
  </si>
  <si>
    <t>843</t>
  </si>
  <si>
    <t>1230</t>
  </si>
  <si>
    <t>5046</t>
  </si>
  <si>
    <t>SALGAR</t>
  </si>
  <si>
    <t>YARUMAL</t>
  </si>
  <si>
    <t>COVARACHÍA</t>
  </si>
  <si>
    <t>SAN MATEO</t>
  </si>
  <si>
    <t>AGUADAS</t>
  </si>
  <si>
    <t>ANSERMA</t>
  </si>
  <si>
    <t>268</t>
  </si>
  <si>
    <t>106</t>
  </si>
  <si>
    <t>VILLAMARÍA</t>
  </si>
  <si>
    <t>CHINÚ</t>
  </si>
  <si>
    <t>12014</t>
  </si>
  <si>
    <t>3062</t>
  </si>
  <si>
    <t>218</t>
  </si>
  <si>
    <t>94426</t>
  </si>
  <si>
    <t>QUIPILE</t>
  </si>
  <si>
    <t>SOPÓ</t>
  </si>
  <si>
    <t>TOCAIMA</t>
  </si>
  <si>
    <t>3522</t>
  </si>
  <si>
    <t>228</t>
  </si>
  <si>
    <t>345</t>
  </si>
  <si>
    <t>63055</t>
  </si>
  <si>
    <t>241</t>
  </si>
  <si>
    <t>274</t>
  </si>
  <si>
    <t>COLÓN</t>
  </si>
  <si>
    <t>SAN PEDRO DE CARTAGO</t>
  </si>
  <si>
    <t>219</t>
  </si>
  <si>
    <t>LOS PATIOS</t>
  </si>
  <si>
    <t>TROCHA</t>
  </si>
  <si>
    <t>377</t>
  </si>
  <si>
    <t>ORITO</t>
  </si>
  <si>
    <t>LABORATORIO DE BASE</t>
  </si>
  <si>
    <t>1542</t>
  </si>
  <si>
    <t>157</t>
  </si>
  <si>
    <t>1040</t>
  </si>
  <si>
    <t>MORROA</t>
  </si>
  <si>
    <t>OVEJAS</t>
  </si>
  <si>
    <t>TOLÚ VIEJO</t>
  </si>
  <si>
    <t>552</t>
  </si>
  <si>
    <t>CANDELARIA</t>
  </si>
  <si>
    <t>FLORIDA</t>
  </si>
  <si>
    <t>5200</t>
  </si>
  <si>
    <t>01/13/2011 12:00:00 AM</t>
  </si>
  <si>
    <t>CLINICAS Y SIMILARES</t>
  </si>
  <si>
    <t>2500</t>
  </si>
  <si>
    <t>251</t>
  </si>
  <si>
    <t>420</t>
  </si>
  <si>
    <t>2220</t>
  </si>
  <si>
    <t>LSD (PASTILLAS/CAPSULAS)</t>
  </si>
  <si>
    <t>336</t>
  </si>
  <si>
    <t>JUAN DE ACOSTA</t>
  </si>
  <si>
    <t>MALAMBO</t>
  </si>
  <si>
    <t>CANTAGALLO</t>
  </si>
  <si>
    <t>277</t>
  </si>
  <si>
    <t>SAN PABLO</t>
  </si>
  <si>
    <t>NOBSA</t>
  </si>
  <si>
    <t>SANTA ROSA DE VITERBO</t>
  </si>
  <si>
    <t>787</t>
  </si>
  <si>
    <t>279</t>
  </si>
  <si>
    <t>PUERTO TEJADA</t>
  </si>
  <si>
    <t>2882</t>
  </si>
  <si>
    <t>EL COPEY</t>
  </si>
  <si>
    <t>ISTMINA</t>
  </si>
  <si>
    <t>58000</t>
  </si>
  <si>
    <t>ARBELÁEZ</t>
  </si>
  <si>
    <t>598</t>
  </si>
  <si>
    <t>MATADEROS, CARNICERIA Y SIMILARES</t>
  </si>
  <si>
    <t>208</t>
  </si>
  <si>
    <t>CHOCONTÁ</t>
  </si>
  <si>
    <t>RICAURTE</t>
  </si>
  <si>
    <t>3690</t>
  </si>
  <si>
    <t>29000</t>
  </si>
  <si>
    <t>PUERTO LÓPEZ</t>
  </si>
  <si>
    <t>4995</t>
  </si>
  <si>
    <t>CONVENCIÓN</t>
  </si>
  <si>
    <t>2983</t>
  </si>
  <si>
    <t>271</t>
  </si>
  <si>
    <t>60000</t>
  </si>
  <si>
    <t>PUERTO ASÍS</t>
  </si>
  <si>
    <t>256</t>
  </si>
  <si>
    <t>2800</t>
  </si>
  <si>
    <t>920</t>
  </si>
  <si>
    <t>3757</t>
  </si>
  <si>
    <t>SAN ANDRÉS</t>
  </si>
  <si>
    <t xml:space="preserve">SAN ANDRÉS </t>
  </si>
  <si>
    <t>APARTAMENTO</t>
  </si>
  <si>
    <t>1320</t>
  </si>
  <si>
    <t>376</t>
  </si>
  <si>
    <t>367</t>
  </si>
  <si>
    <t>GUAMO</t>
  </si>
  <si>
    <t>CAICEDONIA</t>
  </si>
  <si>
    <t>17281</t>
  </si>
  <si>
    <t>1790</t>
  </si>
  <si>
    <t>153</t>
  </si>
  <si>
    <t>EL ÁGUILA</t>
  </si>
  <si>
    <t>GUACARÍ</t>
  </si>
  <si>
    <t>OBANDO</t>
  </si>
  <si>
    <t>PRADERA</t>
  </si>
  <si>
    <t>797</t>
  </si>
  <si>
    <t>01/14/2011 12:00:00 AM</t>
  </si>
  <si>
    <t>ABRIAQUÍ</t>
  </si>
  <si>
    <t>23000</t>
  </si>
  <si>
    <t>ANGOSTURA</t>
  </si>
  <si>
    <t>510</t>
  </si>
  <si>
    <t>165</t>
  </si>
  <si>
    <t>1330</t>
  </si>
  <si>
    <t>4077</t>
  </si>
  <si>
    <t>2050</t>
  </si>
  <si>
    <t>1112</t>
  </si>
  <si>
    <t>4887</t>
  </si>
  <si>
    <t>1964</t>
  </si>
  <si>
    <t>SAN JUAN NEPOMUCENO</t>
  </si>
  <si>
    <t>362</t>
  </si>
  <si>
    <t>MANZANARES</t>
  </si>
  <si>
    <t>VITERBO</t>
  </si>
  <si>
    <t>20400</t>
  </si>
  <si>
    <t>3500</t>
  </si>
  <si>
    <t>ZONA SELVÁTICA</t>
  </si>
  <si>
    <t>1240</t>
  </si>
  <si>
    <t>53000</t>
  </si>
  <si>
    <t>13000</t>
  </si>
  <si>
    <t>845</t>
  </si>
  <si>
    <t>4000</t>
  </si>
  <si>
    <t>LOS CÓRDOBAS</t>
  </si>
  <si>
    <t>343</t>
  </si>
  <si>
    <t>2341</t>
  </si>
  <si>
    <t>HOSPITALES</t>
  </si>
  <si>
    <t>1890</t>
  </si>
  <si>
    <t>2833</t>
  </si>
  <si>
    <t>FRENTE A DISCOTECAS</t>
  </si>
  <si>
    <t>PACHO</t>
  </si>
  <si>
    <t>84</t>
  </si>
  <si>
    <t>TENA</t>
  </si>
  <si>
    <t>VILLAPINZÓN</t>
  </si>
  <si>
    <t>DIBULLA</t>
  </si>
  <si>
    <t>2083</t>
  </si>
  <si>
    <t>732</t>
  </si>
  <si>
    <t>210</t>
  </si>
  <si>
    <t>6760</t>
  </si>
  <si>
    <t>OSPINA</t>
  </si>
  <si>
    <t>POLICARPA</t>
  </si>
  <si>
    <t>715</t>
  </si>
  <si>
    <t>221</t>
  </si>
  <si>
    <t>SIBUNDOY</t>
  </si>
  <si>
    <t>VALLE DEL GUAMUEZ</t>
  </si>
  <si>
    <t>11000</t>
  </si>
  <si>
    <t>236</t>
  </si>
  <si>
    <t>276</t>
  </si>
  <si>
    <t>570</t>
  </si>
  <si>
    <t>2084</t>
  </si>
  <si>
    <t>1447</t>
  </si>
  <si>
    <t>ULLOA</t>
  </si>
  <si>
    <t>01/15/2011 12:00:00 AM</t>
  </si>
  <si>
    <t>25000</t>
  </si>
  <si>
    <t>152</t>
  </si>
  <si>
    <t>97</t>
  </si>
  <si>
    <t>1305</t>
  </si>
  <si>
    <t>SAN LUIS</t>
  </si>
  <si>
    <t>45000</t>
  </si>
  <si>
    <t>393</t>
  </si>
  <si>
    <t>NOROSÍ</t>
  </si>
  <si>
    <t>250750</t>
  </si>
  <si>
    <t>FILADELFIA</t>
  </si>
  <si>
    <t>666</t>
  </si>
  <si>
    <t>111</t>
  </si>
  <si>
    <t>PENSILVANIA</t>
  </si>
  <si>
    <t>495</t>
  </si>
  <si>
    <t>269</t>
  </si>
  <si>
    <t>1586</t>
  </si>
  <si>
    <t>SESQUILÉ</t>
  </si>
  <si>
    <t>SIBATÉ</t>
  </si>
  <si>
    <t>122</t>
  </si>
  <si>
    <t>EL MOLINO</t>
  </si>
  <si>
    <t>663</t>
  </si>
  <si>
    <t>261</t>
  </si>
  <si>
    <t>96</t>
  </si>
  <si>
    <t>PITALITO</t>
  </si>
  <si>
    <t>499</t>
  </si>
  <si>
    <t>640</t>
  </si>
  <si>
    <t>12519</t>
  </si>
  <si>
    <t>30347</t>
  </si>
  <si>
    <t>192</t>
  </si>
  <si>
    <t>340</t>
  </si>
  <si>
    <t>164</t>
  </si>
  <si>
    <t>572</t>
  </si>
  <si>
    <t>379</t>
  </si>
  <si>
    <t>BARICHARA</t>
  </si>
  <si>
    <t>217</t>
  </si>
  <si>
    <t>286</t>
  </si>
  <si>
    <t>SAMPUÉS</t>
  </si>
  <si>
    <t>FLANDES</t>
  </si>
  <si>
    <t>33550</t>
  </si>
  <si>
    <t>PLANADAS</t>
  </si>
  <si>
    <t>281</t>
  </si>
  <si>
    <t>335</t>
  </si>
  <si>
    <t>PEAJE</t>
  </si>
  <si>
    <t>16000</t>
  </si>
  <si>
    <t>130000</t>
  </si>
  <si>
    <t>01/16/2011 12:00:00 AM</t>
  </si>
  <si>
    <t>515</t>
  </si>
  <si>
    <t>319</t>
  </si>
  <si>
    <t>BETANIA</t>
  </si>
  <si>
    <t>116</t>
  </si>
  <si>
    <t>156</t>
  </si>
  <si>
    <t>GIRARDOTA</t>
  </si>
  <si>
    <t>GUATAPÉ</t>
  </si>
  <si>
    <t>401</t>
  </si>
  <si>
    <t>1494</t>
  </si>
  <si>
    <t>1470</t>
  </si>
  <si>
    <t>126</t>
  </si>
  <si>
    <t>MARÍA LA BAJA</t>
  </si>
  <si>
    <t>SOPLAVIENTO</t>
  </si>
  <si>
    <t>555</t>
  </si>
  <si>
    <t>519</t>
  </si>
  <si>
    <t>1175</t>
  </si>
  <si>
    <t>GACHETÁ</t>
  </si>
  <si>
    <t>FRENTE CONJUNTO - VIA PUBLICA</t>
  </si>
  <si>
    <t>TABIO</t>
  </si>
  <si>
    <t>UBALÁ</t>
  </si>
  <si>
    <t>ZIPACÓN</t>
  </si>
  <si>
    <t>42434</t>
  </si>
  <si>
    <t>763</t>
  </si>
  <si>
    <t>SITIONUEVO</t>
  </si>
  <si>
    <t>204</t>
  </si>
  <si>
    <t>BUESACO</t>
  </si>
  <si>
    <t>90000</t>
  </si>
  <si>
    <t>966</t>
  </si>
  <si>
    <t>526</t>
  </si>
  <si>
    <t>BALBOA</t>
  </si>
  <si>
    <t>291</t>
  </si>
  <si>
    <t>1904</t>
  </si>
  <si>
    <t>2060</t>
  </si>
  <si>
    <t>148</t>
  </si>
  <si>
    <t>384</t>
  </si>
  <si>
    <t>CAJAMARCA</t>
  </si>
  <si>
    <t>HERVEO</t>
  </si>
  <si>
    <t>633</t>
  </si>
  <si>
    <t>01/17/2011 12:00:00 AM</t>
  </si>
  <si>
    <t>810</t>
  </si>
  <si>
    <t>92000</t>
  </si>
  <si>
    <t>932</t>
  </si>
  <si>
    <t>1340</t>
  </si>
  <si>
    <t>200000</t>
  </si>
  <si>
    <t>1060</t>
  </si>
  <si>
    <t>166</t>
  </si>
  <si>
    <t>FRENTE EMPRESA - VIA PUBLICA</t>
  </si>
  <si>
    <t>1490</t>
  </si>
  <si>
    <t>2700</t>
  </si>
  <si>
    <t>LA MONTAÑITA</t>
  </si>
  <si>
    <t>8350</t>
  </si>
  <si>
    <t>284</t>
  </si>
  <si>
    <t>1074</t>
  </si>
  <si>
    <t>MANAURE</t>
  </si>
  <si>
    <t>1710</t>
  </si>
  <si>
    <t>LA APARTADA</t>
  </si>
  <si>
    <t>523</t>
  </si>
  <si>
    <t>3450</t>
  </si>
  <si>
    <t>GUAYABAL DE SIQUIMA</t>
  </si>
  <si>
    <t>PITAL</t>
  </si>
  <si>
    <t>754</t>
  </si>
  <si>
    <t>LABORATORIO DE MARIHUANA</t>
  </si>
  <si>
    <t>7500000</t>
  </si>
  <si>
    <t>265</t>
  </si>
  <si>
    <t>GUAITARILLA</t>
  </si>
  <si>
    <t>530</t>
  </si>
  <si>
    <t>SAN LORENZO</t>
  </si>
  <si>
    <t>453</t>
  </si>
  <si>
    <t>2935</t>
  </si>
  <si>
    <t>ANSERMANUEVO</t>
  </si>
  <si>
    <t>1621</t>
  </si>
  <si>
    <t>VIJES</t>
  </si>
  <si>
    <t>1275</t>
  </si>
  <si>
    <t>01/18/2011 12:00:00 AM</t>
  </si>
  <si>
    <t>16200</t>
  </si>
  <si>
    <t>4905</t>
  </si>
  <si>
    <t>PEQUE</t>
  </si>
  <si>
    <t>692</t>
  </si>
  <si>
    <t>488</t>
  </si>
  <si>
    <t>ZARAGOZA</t>
  </si>
  <si>
    <t>215</t>
  </si>
  <si>
    <t>560</t>
  </si>
  <si>
    <t>ARCABUCO</t>
  </si>
  <si>
    <t>BODEGAS Y SIMILARES</t>
  </si>
  <si>
    <t>650</t>
  </si>
  <si>
    <t>7500</t>
  </si>
  <si>
    <t>BOSCONIA</t>
  </si>
  <si>
    <t>PLANETA RICA</t>
  </si>
  <si>
    <t>3202</t>
  </si>
  <si>
    <t>669</t>
  </si>
  <si>
    <t>7680</t>
  </si>
  <si>
    <t>2698</t>
  </si>
  <si>
    <t>505</t>
  </si>
  <si>
    <t>ARIGUANÍ</t>
  </si>
  <si>
    <t>SAN SEBASTIÁN DE BUENAVISTA</t>
  </si>
  <si>
    <t>323</t>
  </si>
  <si>
    <t>44800</t>
  </si>
  <si>
    <t>502</t>
  </si>
  <si>
    <t>TEORAMA</t>
  </si>
  <si>
    <t>3400</t>
  </si>
  <si>
    <t>1075</t>
  </si>
  <si>
    <t>295</t>
  </si>
  <si>
    <t>ALCALÁ</t>
  </si>
  <si>
    <t>1661</t>
  </si>
  <si>
    <t>1200</t>
  </si>
  <si>
    <t>3016</t>
  </si>
  <si>
    <t>446</t>
  </si>
  <si>
    <t>220</t>
  </si>
  <si>
    <t>OFICINAS</t>
  </si>
  <si>
    <t>01/19/2011 12:00:00 AM</t>
  </si>
  <si>
    <t>DROGUERIAS, FARMACIAS</t>
  </si>
  <si>
    <t>169</t>
  </si>
  <si>
    <t>4125</t>
  </si>
  <si>
    <t>288</t>
  </si>
  <si>
    <t>5440</t>
  </si>
  <si>
    <t>548</t>
  </si>
  <si>
    <t>133</t>
  </si>
  <si>
    <t>TUTA</t>
  </si>
  <si>
    <t>ZETAQUIRA</t>
  </si>
  <si>
    <t>278</t>
  </si>
  <si>
    <t>1796</t>
  </si>
  <si>
    <t>BOJACÁ</t>
  </si>
  <si>
    <t>328</t>
  </si>
  <si>
    <t>SAN FRANCISCO</t>
  </si>
  <si>
    <t>ÚTICA</t>
  </si>
  <si>
    <t>VERGARA</t>
  </si>
  <si>
    <t>COLEGIOS, ESCUELAS</t>
  </si>
  <si>
    <t>GIGANTE</t>
  </si>
  <si>
    <t>4721</t>
  </si>
  <si>
    <t>142</t>
  </si>
  <si>
    <t>655</t>
  </si>
  <si>
    <t>CAÑOS</t>
  </si>
  <si>
    <t>378</t>
  </si>
  <si>
    <t>317</t>
  </si>
  <si>
    <t>1184</t>
  </si>
  <si>
    <t>243</t>
  </si>
  <si>
    <t>352</t>
  </si>
  <si>
    <t>QUEBRADA</t>
  </si>
  <si>
    <t>CHAPARRAL</t>
  </si>
  <si>
    <t>28000</t>
  </si>
  <si>
    <t>LÍBANO</t>
  </si>
  <si>
    <t>VENADILLO</t>
  </si>
  <si>
    <t>2964</t>
  </si>
  <si>
    <t>EL CAIRO</t>
  </si>
  <si>
    <t>20500</t>
  </si>
  <si>
    <t>01/20/2011 12:00:00 AM</t>
  </si>
  <si>
    <t>707</t>
  </si>
  <si>
    <t>496</t>
  </si>
  <si>
    <t>17875</t>
  </si>
  <si>
    <t>RETIRO</t>
  </si>
  <si>
    <t>235</t>
  </si>
  <si>
    <t>CORRALES</t>
  </si>
  <si>
    <t>MUZO</t>
  </si>
  <si>
    <t>154</t>
  </si>
  <si>
    <t>10000</t>
  </si>
  <si>
    <t>80000</t>
  </si>
  <si>
    <t>PIENDAMÓ</t>
  </si>
  <si>
    <t>TAMALAMEQUE</t>
  </si>
  <si>
    <t>5677</t>
  </si>
  <si>
    <t>LA PLATA</t>
  </si>
  <si>
    <t>371</t>
  </si>
  <si>
    <t>24579</t>
  </si>
  <si>
    <t>665</t>
  </si>
  <si>
    <t>117</t>
  </si>
  <si>
    <t>1047</t>
  </si>
  <si>
    <t>1044</t>
  </si>
  <si>
    <t>1606</t>
  </si>
  <si>
    <t>1315</t>
  </si>
  <si>
    <t>01/21/2011 12:00:00 AM</t>
  </si>
  <si>
    <t>78000</t>
  </si>
  <si>
    <t>5280</t>
  </si>
  <si>
    <t>1290</t>
  </si>
  <si>
    <t>SABANAGRANDE</t>
  </si>
  <si>
    <t>POTREROS</t>
  </si>
  <si>
    <t>949</t>
  </si>
  <si>
    <t>292</t>
  </si>
  <si>
    <t>750</t>
  </si>
  <si>
    <t>LA PAZ</t>
  </si>
  <si>
    <t>652</t>
  </si>
  <si>
    <t>2250</t>
  </si>
  <si>
    <t>PARQUEADERO</t>
  </si>
  <si>
    <t>136</t>
  </si>
  <si>
    <t>MEDINA</t>
  </si>
  <si>
    <t>184</t>
  </si>
  <si>
    <t>412</t>
  </si>
  <si>
    <t>714</t>
  </si>
  <si>
    <t>RIVERA</t>
  </si>
  <si>
    <t>TERUEL</t>
  </si>
  <si>
    <t>VILLAVIEJA</t>
  </si>
  <si>
    <t>URIBE</t>
  </si>
  <si>
    <t>4960</t>
  </si>
  <si>
    <t>3200</t>
  </si>
  <si>
    <t>FABRICAS</t>
  </si>
  <si>
    <t>114</t>
  </si>
  <si>
    <t>PUERTO CAICEDO</t>
  </si>
  <si>
    <t>76821</t>
  </si>
  <si>
    <t>2002</t>
  </si>
  <si>
    <t>2725</t>
  </si>
  <si>
    <t>835</t>
  </si>
  <si>
    <t>325</t>
  </si>
  <si>
    <t>193</t>
  </si>
  <si>
    <t>682</t>
  </si>
  <si>
    <t>SABANA DE TORRES</t>
  </si>
  <si>
    <t>TIENDA</t>
  </si>
  <si>
    <t>COVEÑAS</t>
  </si>
  <si>
    <t>EL ROBLE</t>
  </si>
  <si>
    <t>600000</t>
  </si>
  <si>
    <t>304</t>
  </si>
  <si>
    <t>848</t>
  </si>
  <si>
    <t>01/22/2011 12:00:00 AM</t>
  </si>
  <si>
    <t>416</t>
  </si>
  <si>
    <t>189</t>
  </si>
  <si>
    <t>517</t>
  </si>
  <si>
    <t>5338</t>
  </si>
  <si>
    <t>1297</t>
  </si>
  <si>
    <t>YONDÓ</t>
  </si>
  <si>
    <t>SAN MARTÍN DE LOBA</t>
  </si>
  <si>
    <t>EL COCUY</t>
  </si>
  <si>
    <t>PANADERIAS</t>
  </si>
  <si>
    <t>24514</t>
  </si>
  <si>
    <t>3313</t>
  </si>
  <si>
    <t>NEIRA</t>
  </si>
  <si>
    <t>423</t>
  </si>
  <si>
    <t>38142</t>
  </si>
  <si>
    <t>162000</t>
  </si>
  <si>
    <t>FLORENCIA</t>
  </si>
  <si>
    <t>2434</t>
  </si>
  <si>
    <t>266</t>
  </si>
  <si>
    <t>493</t>
  </si>
  <si>
    <t>IQUIRA</t>
  </si>
  <si>
    <t>182</t>
  </si>
  <si>
    <t>439</t>
  </si>
  <si>
    <t>FRENTE A ALMACEN - VIA PUBLICA</t>
  </si>
  <si>
    <t>DISCOTECAS</t>
  </si>
  <si>
    <t>VILLAGARZÓN</t>
  </si>
  <si>
    <t>885</t>
  </si>
  <si>
    <t>17707</t>
  </si>
  <si>
    <t>899</t>
  </si>
  <si>
    <t>1525</t>
  </si>
  <si>
    <t>521</t>
  </si>
  <si>
    <t>720</t>
  </si>
  <si>
    <t>ROVIRA</t>
  </si>
  <si>
    <t>5255</t>
  </si>
  <si>
    <t>210000</t>
  </si>
  <si>
    <t>1035</t>
  </si>
  <si>
    <t>30320</t>
  </si>
  <si>
    <t>01/23/2011 12:00:00 AM</t>
  </si>
  <si>
    <t>2280</t>
  </si>
  <si>
    <t>183</t>
  </si>
  <si>
    <t>174</t>
  </si>
  <si>
    <t>834</t>
  </si>
  <si>
    <t>LA MERCED</t>
  </si>
  <si>
    <t>203</t>
  </si>
  <si>
    <t>SAN JOSÉ</t>
  </si>
  <si>
    <t>CIÉNAGA DE ORO</t>
  </si>
  <si>
    <t>716</t>
  </si>
  <si>
    <t>6025</t>
  </si>
  <si>
    <t>GACHALA</t>
  </si>
  <si>
    <t>LABORATORIO DE CRISTALIZACION</t>
  </si>
  <si>
    <t>28600</t>
  </si>
  <si>
    <t>173</t>
  </si>
  <si>
    <t>494</t>
  </si>
  <si>
    <t>CACHIRÁ</t>
  </si>
  <si>
    <t>134</t>
  </si>
  <si>
    <t>392</t>
  </si>
  <si>
    <t>1272</t>
  </si>
  <si>
    <t>SAN JUAN DE BETULIA</t>
  </si>
  <si>
    <t>LÉRIDA</t>
  </si>
  <si>
    <t>1976</t>
  </si>
  <si>
    <t>163</t>
  </si>
  <si>
    <t>982</t>
  </si>
  <si>
    <t>2138</t>
  </si>
  <si>
    <t>410</t>
  </si>
  <si>
    <t>01/24/2011 12:00:00 AM</t>
  </si>
  <si>
    <t>819</t>
  </si>
  <si>
    <t>249</t>
  </si>
  <si>
    <t>264</t>
  </si>
  <si>
    <t>16661</t>
  </si>
  <si>
    <t>MUTATÁ</t>
  </si>
  <si>
    <t>SABANETA</t>
  </si>
  <si>
    <t>JAMBALÓ</t>
  </si>
  <si>
    <t>293</t>
  </si>
  <si>
    <t>289</t>
  </si>
  <si>
    <t>2226</t>
  </si>
  <si>
    <t>GARZÓN</t>
  </si>
  <si>
    <t>GUACHUCAL</t>
  </si>
  <si>
    <t>1026</t>
  </si>
  <si>
    <t>FILANDIA</t>
  </si>
  <si>
    <t>MISTRATÓ</t>
  </si>
  <si>
    <t>2200</t>
  </si>
  <si>
    <t>3300</t>
  </si>
  <si>
    <t>1555</t>
  </si>
  <si>
    <t>8525</t>
  </si>
  <si>
    <t>CURITÍ</t>
  </si>
  <si>
    <t>CAIMITO</t>
  </si>
  <si>
    <t>746</t>
  </si>
  <si>
    <t>938</t>
  </si>
  <si>
    <t>01/25/2011 12:00:00 AM</t>
  </si>
  <si>
    <t>6170</t>
  </si>
  <si>
    <t>3962</t>
  </si>
  <si>
    <t>397</t>
  </si>
  <si>
    <t>4340</t>
  </si>
  <si>
    <t>129</t>
  </si>
  <si>
    <t>13580</t>
  </si>
  <si>
    <t>2010</t>
  </si>
  <si>
    <t>436</t>
  </si>
  <si>
    <t>1817</t>
  </si>
  <si>
    <t>BARANOA</t>
  </si>
  <si>
    <t>9903</t>
  </si>
  <si>
    <t>1775</t>
  </si>
  <si>
    <t>1678</t>
  </si>
  <si>
    <t>121</t>
  </si>
  <si>
    <t>171</t>
  </si>
  <si>
    <t>1041</t>
  </si>
  <si>
    <t>326</t>
  </si>
  <si>
    <t>FRENTE RESTAURANTE</t>
  </si>
  <si>
    <t>82000</t>
  </si>
  <si>
    <t>425000</t>
  </si>
  <si>
    <t>1401</t>
  </si>
  <si>
    <t>VICHADA</t>
  </si>
  <si>
    <t>CUMARIBO</t>
  </si>
  <si>
    <t>321000</t>
  </si>
  <si>
    <t>01/26/2011 12:00:00 AM</t>
  </si>
  <si>
    <t>6460</t>
  </si>
  <si>
    <t>239</t>
  </si>
  <si>
    <t>540</t>
  </si>
  <si>
    <t>656</t>
  </si>
  <si>
    <t>VICTORIA</t>
  </si>
  <si>
    <t>1097</t>
  </si>
  <si>
    <t>2257</t>
  </si>
  <si>
    <t>SAN ANDRÉS SOTAVENTO</t>
  </si>
  <si>
    <t>320</t>
  </si>
  <si>
    <t>398</t>
  </si>
  <si>
    <t>2929</t>
  </si>
  <si>
    <t>FOSCA</t>
  </si>
  <si>
    <t>674</t>
  </si>
  <si>
    <t>337</t>
  </si>
  <si>
    <t>CHINÁCOTA</t>
  </si>
  <si>
    <t>1721</t>
  </si>
  <si>
    <t>103000</t>
  </si>
  <si>
    <t>348</t>
  </si>
  <si>
    <t>1475</t>
  </si>
  <si>
    <t>2615</t>
  </si>
  <si>
    <t>01/27/2011 12:00:00 AM</t>
  </si>
  <si>
    <t>1419</t>
  </si>
  <si>
    <t>1859</t>
  </si>
  <si>
    <t>ESTADERO</t>
  </si>
  <si>
    <t>LAVANDERIAS</t>
  </si>
  <si>
    <t>285</t>
  </si>
  <si>
    <t>187</t>
  </si>
  <si>
    <t>783</t>
  </si>
  <si>
    <t>238</t>
  </si>
  <si>
    <t>SANTA CATALINA</t>
  </si>
  <si>
    <t>ZAMBRANO</t>
  </si>
  <si>
    <t>EL ESPINO</t>
  </si>
  <si>
    <t>CENTRO RECREACIONAL</t>
  </si>
  <si>
    <t>EL DONCELLO</t>
  </si>
  <si>
    <t>483</t>
  </si>
  <si>
    <t>TIMBÍO</t>
  </si>
  <si>
    <t>MOÑITOS</t>
  </si>
  <si>
    <t>389</t>
  </si>
  <si>
    <t>3118</t>
  </si>
  <si>
    <t>GAMA</t>
  </si>
  <si>
    <t>16380</t>
  </si>
  <si>
    <t>391</t>
  </si>
  <si>
    <t>179</t>
  </si>
  <si>
    <t>145</t>
  </si>
  <si>
    <t>MOGOTES</t>
  </si>
  <si>
    <t>10764</t>
  </si>
  <si>
    <t>2300</t>
  </si>
  <si>
    <t>1153</t>
  </si>
  <si>
    <t>RIOFRÍO</t>
  </si>
  <si>
    <t>01/28/2011 12:00:00 AM</t>
  </si>
  <si>
    <t>512</t>
  </si>
  <si>
    <t>1400</t>
  </si>
  <si>
    <t>8150</t>
  </si>
  <si>
    <t>131</t>
  </si>
  <si>
    <t>176</t>
  </si>
  <si>
    <t>MORALES</t>
  </si>
  <si>
    <t>BUENOS AIRES</t>
  </si>
  <si>
    <t>4200</t>
  </si>
  <si>
    <t>6800</t>
  </si>
  <si>
    <t>7199</t>
  </si>
  <si>
    <t>GUASCA</t>
  </si>
  <si>
    <t>BARRANCAS</t>
  </si>
  <si>
    <t>198</t>
  </si>
  <si>
    <t>ARACATACA</t>
  </si>
  <si>
    <t>RODANDO SOBRE VIA - VIA PUBLICA</t>
  </si>
  <si>
    <t>5350</t>
  </si>
  <si>
    <t>NEW JERSEY</t>
  </si>
  <si>
    <t>-</t>
  </si>
  <si>
    <t>6500</t>
  </si>
  <si>
    <t>10351</t>
  </si>
  <si>
    <t>57180</t>
  </si>
  <si>
    <t>3025</t>
  </si>
  <si>
    <t>1092</t>
  </si>
  <si>
    <t>41858</t>
  </si>
  <si>
    <t>4238</t>
  </si>
  <si>
    <t>PUENTE NACIONAL</t>
  </si>
  <si>
    <t>146</t>
  </si>
  <si>
    <t>197</t>
  </si>
  <si>
    <t>784</t>
  </si>
  <si>
    <t>1010</t>
  </si>
  <si>
    <t>770</t>
  </si>
  <si>
    <t>2000000</t>
  </si>
  <si>
    <t>01/29/2011 12:00:00 AM</t>
  </si>
  <si>
    <t>5020</t>
  </si>
  <si>
    <t>675</t>
  </si>
  <si>
    <t>3270</t>
  </si>
  <si>
    <t>508</t>
  </si>
  <si>
    <t>860</t>
  </si>
  <si>
    <t>UNIVERSIDADES</t>
  </si>
  <si>
    <t>1434</t>
  </si>
  <si>
    <t>3125</t>
  </si>
  <si>
    <t>ARANZAZU</t>
  </si>
  <si>
    <t>1066</t>
  </si>
  <si>
    <t>MILÁN</t>
  </si>
  <si>
    <t>MERCADERES</t>
  </si>
  <si>
    <t>EL CARMEN DE ATRATO</t>
  </si>
  <si>
    <t>APULO</t>
  </si>
  <si>
    <t>6780</t>
  </si>
  <si>
    <t>3148</t>
  </si>
  <si>
    <t>VIANÍ</t>
  </si>
  <si>
    <t>ACEVEDO</t>
  </si>
  <si>
    <t>CERRO SAN ANTONIO</t>
  </si>
  <si>
    <t>PLATO</t>
  </si>
  <si>
    <t>22000</t>
  </si>
  <si>
    <t>333</t>
  </si>
  <si>
    <t>LA PLAYA</t>
  </si>
  <si>
    <t>FRENTE A EDIFICIO - VIA PUBLICA</t>
  </si>
  <si>
    <t>CONTRATACIÓN</t>
  </si>
  <si>
    <t>INSTALACIONES DE LA POLICIA</t>
  </si>
  <si>
    <t>1493</t>
  </si>
  <si>
    <t>01/30/2011 12:00:00 AM</t>
  </si>
  <si>
    <t>366</t>
  </si>
  <si>
    <t>2830</t>
  </si>
  <si>
    <t>422</t>
  </si>
  <si>
    <t>581</t>
  </si>
  <si>
    <t>2663</t>
  </si>
  <si>
    <t>233</t>
  </si>
  <si>
    <t>SUAZA</t>
  </si>
  <si>
    <t>1100</t>
  </si>
  <si>
    <t>ARBOLEDAS</t>
  </si>
  <si>
    <t>12231</t>
  </si>
  <si>
    <t>PUERTO GUZMÁN</t>
  </si>
  <si>
    <t>597</t>
  </si>
  <si>
    <t>229</t>
  </si>
  <si>
    <t>VÉLEZ</t>
  </si>
  <si>
    <t>FRESNO</t>
  </si>
  <si>
    <t>694</t>
  </si>
  <si>
    <t>846</t>
  </si>
  <si>
    <t>1949</t>
  </si>
  <si>
    <t>94626</t>
  </si>
  <si>
    <t>01/31/2011 12:00:00 AM</t>
  </si>
  <si>
    <t>425</t>
  </si>
  <si>
    <t>2555</t>
  </si>
  <si>
    <t>338152</t>
  </si>
  <si>
    <t>420000</t>
  </si>
  <si>
    <t>629825</t>
  </si>
  <si>
    <t>MONIQUIRÁ</t>
  </si>
  <si>
    <t>534</t>
  </si>
  <si>
    <t>SAN DIEGO</t>
  </si>
  <si>
    <t>4621</t>
  </si>
  <si>
    <t>SAN JOSÉ DEL PALMAR</t>
  </si>
  <si>
    <t>601</t>
  </si>
  <si>
    <t>12978</t>
  </si>
  <si>
    <t>578</t>
  </si>
  <si>
    <t>1160</t>
  </si>
  <si>
    <t>CARMEN DE CARUPA</t>
  </si>
  <si>
    <t>CHAGUANÍ</t>
  </si>
  <si>
    <t>1578</t>
  </si>
  <si>
    <t>4215</t>
  </si>
  <si>
    <t>GUATAVITA</t>
  </si>
  <si>
    <t>MANTA</t>
  </si>
  <si>
    <t>1015</t>
  </si>
  <si>
    <t>128519</t>
  </si>
  <si>
    <t>430</t>
  </si>
  <si>
    <t>356</t>
  </si>
  <si>
    <t>CAPITANEJO</t>
  </si>
  <si>
    <t>2363</t>
  </si>
  <si>
    <t>1526</t>
  </si>
  <si>
    <t>1403</t>
  </si>
  <si>
    <t>231</t>
  </si>
  <si>
    <t>1768</t>
  </si>
  <si>
    <t>1103</t>
  </si>
  <si>
    <t>2705</t>
  </si>
  <si>
    <t>02/01/2011 12:00:00 AM</t>
  </si>
  <si>
    <t>2150</t>
  </si>
  <si>
    <t>1347</t>
  </si>
  <si>
    <t>PUERTO RONDÓN</t>
  </si>
  <si>
    <t>11130</t>
  </si>
  <si>
    <t>TUBARÁ</t>
  </si>
  <si>
    <t>223</t>
  </si>
  <si>
    <t>TOGÜÍ</t>
  </si>
  <si>
    <t>CENTRO COMERCIAL</t>
  </si>
  <si>
    <t>BELALCÁZAR</t>
  </si>
  <si>
    <t>PÁCORA</t>
  </si>
  <si>
    <t>312</t>
  </si>
  <si>
    <t>4134</t>
  </si>
  <si>
    <t>CHIMICHAGUA</t>
  </si>
  <si>
    <t>GAMARRA</t>
  </si>
  <si>
    <t>646</t>
  </si>
  <si>
    <t>2840</t>
  </si>
  <si>
    <t>PAIME</t>
  </si>
  <si>
    <t>2350</t>
  </si>
  <si>
    <t>ALGARROBO</t>
  </si>
  <si>
    <t>BARBACOAS</t>
  </si>
  <si>
    <t>1663</t>
  </si>
  <si>
    <t>1289</t>
  </si>
  <si>
    <t>396</t>
  </si>
  <si>
    <t>SAN VICENTE DE CHUCURÍ</t>
  </si>
  <si>
    <t>MAJAGUAL</t>
  </si>
  <si>
    <t>SAN BENITO ABAD</t>
  </si>
  <si>
    <t>CASABIANCA</t>
  </si>
  <si>
    <t>2488</t>
  </si>
  <si>
    <t>4500</t>
  </si>
  <si>
    <t>18000</t>
  </si>
  <si>
    <t>02/02/2011 12:00:00 AM</t>
  </si>
  <si>
    <t>585</t>
  </si>
  <si>
    <t>1696</t>
  </si>
  <si>
    <t>524</t>
  </si>
  <si>
    <t>BOMBA DE GASOLINA</t>
  </si>
  <si>
    <t>351</t>
  </si>
  <si>
    <t>18352</t>
  </si>
  <si>
    <t>MANATÍ</t>
  </si>
  <si>
    <t>SANTO TOMÁS</t>
  </si>
  <si>
    <t>MAHATES</t>
  </si>
  <si>
    <t>SECTOR RESIDENCIAS</t>
  </si>
  <si>
    <t>OTANCHE</t>
  </si>
  <si>
    <t>EL PASO</t>
  </si>
  <si>
    <t>PAILITAS</t>
  </si>
  <si>
    <t>1766</t>
  </si>
  <si>
    <t>1842</t>
  </si>
  <si>
    <t>181</t>
  </si>
  <si>
    <t>EL CASTILLO</t>
  </si>
  <si>
    <t>LOS ANDES</t>
  </si>
  <si>
    <t>10592</t>
  </si>
  <si>
    <t>GLORIETA</t>
  </si>
  <si>
    <t>TRANSPORTE PÚBLICO</t>
  </si>
  <si>
    <t>11828</t>
  </si>
  <si>
    <t>728</t>
  </si>
  <si>
    <t>1021</t>
  </si>
  <si>
    <t>610</t>
  </si>
  <si>
    <t>313</t>
  </si>
  <si>
    <t>3339</t>
  </si>
  <si>
    <t>2011</t>
  </si>
  <si>
    <t>GUARANDA</t>
  </si>
  <si>
    <t>HONDA</t>
  </si>
  <si>
    <t>771</t>
  </si>
  <si>
    <t>94700</t>
  </si>
  <si>
    <t>1473</t>
  </si>
  <si>
    <t>40023</t>
  </si>
  <si>
    <t>02/03/2011 12:00:00 AM</t>
  </si>
  <si>
    <t>395</t>
  </si>
  <si>
    <t>25141</t>
  </si>
  <si>
    <t>647</t>
  </si>
  <si>
    <t>7391</t>
  </si>
  <si>
    <t>102000</t>
  </si>
  <si>
    <t>1538</t>
  </si>
  <si>
    <t>CHITARAQUE</t>
  </si>
  <si>
    <t>PAUNA</t>
  </si>
  <si>
    <t>33610</t>
  </si>
  <si>
    <t>SELVA</t>
  </si>
  <si>
    <t>98000</t>
  </si>
  <si>
    <t>02/04/2011 12:00:00 AM</t>
  </si>
  <si>
    <t>RÍO DE ORO</t>
  </si>
  <si>
    <t>2154</t>
  </si>
  <si>
    <t>19475</t>
  </si>
  <si>
    <t>2482</t>
  </si>
  <si>
    <t>TOCANCIPÁ</t>
  </si>
  <si>
    <t>2004</t>
  </si>
  <si>
    <t>PUERRES</t>
  </si>
  <si>
    <t>725</t>
  </si>
  <si>
    <t>985</t>
  </si>
  <si>
    <t>1350</t>
  </si>
  <si>
    <t>1734</t>
  </si>
  <si>
    <t>12500</t>
  </si>
  <si>
    <t>626</t>
  </si>
  <si>
    <t>445</t>
  </si>
  <si>
    <t>1867</t>
  </si>
  <si>
    <t>21046</t>
  </si>
  <si>
    <t>222</t>
  </si>
  <si>
    <t>216800</t>
  </si>
  <si>
    <t>1210</t>
  </si>
  <si>
    <t>636</t>
  </si>
  <si>
    <t>2805</t>
  </si>
  <si>
    <t>263</t>
  </si>
  <si>
    <t>11415</t>
  </si>
  <si>
    <t>4815</t>
  </si>
  <si>
    <t>PIOJÓ</t>
  </si>
  <si>
    <t>SANTA SOFÍA</t>
  </si>
  <si>
    <t>SUTATENZA</t>
  </si>
  <si>
    <t>2282</t>
  </si>
  <si>
    <t>1137</t>
  </si>
  <si>
    <t>SAN VICENTE DEL CAGUÁN</t>
  </si>
  <si>
    <t>739</t>
  </si>
  <si>
    <t>GUACHENÉ</t>
  </si>
  <si>
    <t>5485</t>
  </si>
  <si>
    <t>BECERRIL</t>
  </si>
  <si>
    <t>CHIRIGUANÁ</t>
  </si>
  <si>
    <t>1665</t>
  </si>
  <si>
    <t>LORICA</t>
  </si>
  <si>
    <t>840</t>
  </si>
  <si>
    <t>SAN ANTERO</t>
  </si>
  <si>
    <t>13100</t>
  </si>
  <si>
    <t>457</t>
  </si>
  <si>
    <t>84235</t>
  </si>
  <si>
    <t>LA VEGA</t>
  </si>
  <si>
    <t>1008</t>
  </si>
  <si>
    <t>FUNDACIÓN</t>
  </si>
  <si>
    <t>MAPIRIPÁN</t>
  </si>
  <si>
    <t>237</t>
  </si>
  <si>
    <t>531</t>
  </si>
  <si>
    <t>EL PLAYÓN</t>
  </si>
  <si>
    <t>AMBALEMA</t>
  </si>
  <si>
    <t>PURIFICACIÓN</t>
  </si>
  <si>
    <t>02/05/2011 12:00:00 AM</t>
  </si>
  <si>
    <t>211</t>
  </si>
  <si>
    <t>2145</t>
  </si>
  <si>
    <t>13435</t>
  </si>
  <si>
    <t>229000</t>
  </si>
  <si>
    <t>385</t>
  </si>
  <si>
    <t>8283</t>
  </si>
  <si>
    <t>PADILLA</t>
  </si>
  <si>
    <t>12350</t>
  </si>
  <si>
    <t>3263</t>
  </si>
  <si>
    <t>44878</t>
  </si>
  <si>
    <t>1050</t>
  </si>
  <si>
    <t>CABUYARO</t>
  </si>
  <si>
    <t>BOCHALEMA</t>
  </si>
  <si>
    <t>1087</t>
  </si>
  <si>
    <t>545</t>
  </si>
  <si>
    <t>1188</t>
  </si>
  <si>
    <t>7580</t>
  </si>
  <si>
    <t>2093</t>
  </si>
  <si>
    <t>INSTALACIONES DEL EJERCITO</t>
  </si>
  <si>
    <t>878</t>
  </si>
  <si>
    <t>888</t>
  </si>
  <si>
    <t>4010</t>
  </si>
  <si>
    <t>212</t>
  </si>
  <si>
    <t>EMPRESA</t>
  </si>
  <si>
    <t>204800</t>
  </si>
  <si>
    <t xml:space="preserve">PUERTO CARREÑO </t>
  </si>
  <si>
    <t>02/06/2011 12:00:00 AM</t>
  </si>
  <si>
    <t>1057</t>
  </si>
  <si>
    <t>509</t>
  </si>
  <si>
    <t>19105</t>
  </si>
  <si>
    <t>REPELÓN</t>
  </si>
  <si>
    <t>561</t>
  </si>
  <si>
    <t>48000</t>
  </si>
  <si>
    <t>24350</t>
  </si>
  <si>
    <t>3750</t>
  </si>
  <si>
    <t>513</t>
  </si>
  <si>
    <t>1489</t>
  </si>
  <si>
    <t>NIMAIMA</t>
  </si>
  <si>
    <t>EL DORADO</t>
  </si>
  <si>
    <t>LA MACARENA</t>
  </si>
  <si>
    <t>178</t>
  </si>
  <si>
    <t>ATACO</t>
  </si>
  <si>
    <t>563</t>
  </si>
  <si>
    <t>1302</t>
  </si>
  <si>
    <t>38000</t>
  </si>
  <si>
    <t>472</t>
  </si>
  <si>
    <t>31400</t>
  </si>
  <si>
    <t>02/07/2011 12:00:00 AM</t>
  </si>
  <si>
    <t>2055</t>
  </si>
  <si>
    <t>3900</t>
  </si>
  <si>
    <t>2260</t>
  </si>
  <si>
    <t>562</t>
  </si>
  <si>
    <t>1764</t>
  </si>
  <si>
    <t>20300</t>
  </si>
  <si>
    <t>CHINAVITA</t>
  </si>
  <si>
    <t>471</t>
  </si>
  <si>
    <t>PUEBLO NUEVO</t>
  </si>
  <si>
    <t>PARADERO DE BUSES</t>
  </si>
  <si>
    <t>14629</t>
  </si>
  <si>
    <t>1186</t>
  </si>
  <si>
    <t>SANTA MARÍA</t>
  </si>
  <si>
    <t>216</t>
  </si>
  <si>
    <t>1900</t>
  </si>
  <si>
    <t>369</t>
  </si>
  <si>
    <t>ALVARADO</t>
  </si>
  <si>
    <t>3377</t>
  </si>
  <si>
    <t>02/08/2011 12:00:00 AM</t>
  </si>
  <si>
    <t>931</t>
  </si>
  <si>
    <t>12865</t>
  </si>
  <si>
    <t>4563</t>
  </si>
  <si>
    <t>582</t>
  </si>
  <si>
    <t>4540</t>
  </si>
  <si>
    <t>3379</t>
  </si>
  <si>
    <t>RAMIRIQUÍ</t>
  </si>
  <si>
    <t>BELÉN DE LOS ANDAQUIES</t>
  </si>
  <si>
    <t>23061</t>
  </si>
  <si>
    <t>1070</t>
  </si>
  <si>
    <t>660</t>
  </si>
  <si>
    <t>2152</t>
  </si>
  <si>
    <t>TELLO</t>
  </si>
  <si>
    <t>PUERTO CONCORDIA</t>
  </si>
  <si>
    <t>73850</t>
  </si>
  <si>
    <t>11322</t>
  </si>
  <si>
    <t>11318</t>
  </si>
  <si>
    <t>214000</t>
  </si>
  <si>
    <t>1125</t>
  </si>
  <si>
    <t>1468</t>
  </si>
  <si>
    <t>6978</t>
  </si>
  <si>
    <t>TRANSPORTE FLUVIAL</t>
  </si>
  <si>
    <t>3060</t>
  </si>
  <si>
    <t>MÁLAGA</t>
  </si>
  <si>
    <t>1507</t>
  </si>
  <si>
    <t>5174</t>
  </si>
  <si>
    <t>02/09/2011 12:00:00 AM</t>
  </si>
  <si>
    <t>910</t>
  </si>
  <si>
    <t>138</t>
  </si>
  <si>
    <t>87900</t>
  </si>
  <si>
    <t>GUAPI</t>
  </si>
  <si>
    <t>6173</t>
  </si>
  <si>
    <t>2294</t>
  </si>
  <si>
    <t>311</t>
  </si>
  <si>
    <t>SUESCA</t>
  </si>
  <si>
    <t>7602</t>
  </si>
  <si>
    <t>719</t>
  </si>
  <si>
    <t>VISTAHERMOSA</t>
  </si>
  <si>
    <t>14000</t>
  </si>
  <si>
    <t>914</t>
  </si>
  <si>
    <t>206</t>
  </si>
  <si>
    <t>306</t>
  </si>
  <si>
    <t>1620</t>
  </si>
  <si>
    <t>1375</t>
  </si>
  <si>
    <t>02/10/2011 12:00:00 AM</t>
  </si>
  <si>
    <t>PUERTO NARIÑO</t>
  </si>
  <si>
    <t>440</t>
  </si>
  <si>
    <t>51400</t>
  </si>
  <si>
    <t>380</t>
  </si>
  <si>
    <t>259</t>
  </si>
  <si>
    <t>3255</t>
  </si>
  <si>
    <t>939</t>
  </si>
  <si>
    <t>296610</t>
  </si>
  <si>
    <t>TALAIGUA NUEVO</t>
  </si>
  <si>
    <t>3805</t>
  </si>
  <si>
    <t>31150</t>
  </si>
  <si>
    <t>40000</t>
  </si>
  <si>
    <t>PELAYA</t>
  </si>
  <si>
    <t>350106</t>
  </si>
  <si>
    <t>857</t>
  </si>
  <si>
    <t>1740</t>
  </si>
  <si>
    <t>PUEBLOVIEJO</t>
  </si>
  <si>
    <t>16500</t>
  </si>
  <si>
    <t>207</t>
  </si>
  <si>
    <t>1580</t>
  </si>
  <si>
    <t>1144</t>
  </si>
  <si>
    <t>2249</t>
  </si>
  <si>
    <t>607</t>
  </si>
  <si>
    <t>1482</t>
  </si>
  <si>
    <t>2111</t>
  </si>
  <si>
    <t>02/11/2011 12:00:00 AM</t>
  </si>
  <si>
    <t>479</t>
  </si>
  <si>
    <t>730</t>
  </si>
  <si>
    <t>HOTELES, RESIDENCIAS, Y SIMILARES.</t>
  </si>
  <si>
    <t>257</t>
  </si>
  <si>
    <t>3660</t>
  </si>
  <si>
    <t>1150</t>
  </si>
  <si>
    <t>576</t>
  </si>
  <si>
    <t>2666</t>
  </si>
  <si>
    <t>57763</t>
  </si>
  <si>
    <t>PAZ DE ARIPORO</t>
  </si>
  <si>
    <t>93800</t>
  </si>
  <si>
    <t>CALOTO</t>
  </si>
  <si>
    <t>124000</t>
  </si>
  <si>
    <t>683000</t>
  </si>
  <si>
    <t>2277</t>
  </si>
  <si>
    <t>15300</t>
  </si>
  <si>
    <t>30245</t>
  </si>
  <si>
    <t>QUETAME</t>
  </si>
  <si>
    <t>461</t>
  </si>
  <si>
    <t>CASTILLA LA NUEVA</t>
  </si>
  <si>
    <t>1369</t>
  </si>
  <si>
    <t>1102</t>
  </si>
  <si>
    <t>541</t>
  </si>
  <si>
    <t>NATAGAIMA</t>
  </si>
  <si>
    <t>1546</t>
  </si>
  <si>
    <t>936</t>
  </si>
  <si>
    <t>387</t>
  </si>
  <si>
    <t>2313</t>
  </si>
  <si>
    <t>SANTA ROSALÍA</t>
  </si>
  <si>
    <t>02/12/2011 12:00:00 AM</t>
  </si>
  <si>
    <t>4225</t>
  </si>
  <si>
    <t>4005</t>
  </si>
  <si>
    <t>MUELLE TURISTICO</t>
  </si>
  <si>
    <t>491470</t>
  </si>
  <si>
    <t>766</t>
  </si>
  <si>
    <t>6785</t>
  </si>
  <si>
    <t>YAGUARÁ</t>
  </si>
  <si>
    <t>1508</t>
  </si>
  <si>
    <t>2470</t>
  </si>
  <si>
    <t>273</t>
  </si>
  <si>
    <t>347</t>
  </si>
  <si>
    <t>433</t>
  </si>
  <si>
    <t>1123</t>
  </si>
  <si>
    <t>1194</t>
  </si>
  <si>
    <t>173100</t>
  </si>
  <si>
    <t>02/13/2011 12:00:00 AM</t>
  </si>
  <si>
    <t>10070</t>
  </si>
  <si>
    <t>EL BAGRE</t>
  </si>
  <si>
    <t>3356</t>
  </si>
  <si>
    <t>755</t>
  </si>
  <si>
    <t>404</t>
  </si>
  <si>
    <t>675000</t>
  </si>
  <si>
    <t>2460</t>
  </si>
  <si>
    <t>ACANDÍ</t>
  </si>
  <si>
    <t>3530</t>
  </si>
  <si>
    <t>33000</t>
  </si>
  <si>
    <t>55000</t>
  </si>
  <si>
    <t>462</t>
  </si>
  <si>
    <t>275</t>
  </si>
  <si>
    <t>TALLERES</t>
  </si>
  <si>
    <t>629</t>
  </si>
  <si>
    <t>02/14/2011 12:00:00 AM</t>
  </si>
  <si>
    <t>5822</t>
  </si>
  <si>
    <t>5500</t>
  </si>
  <si>
    <t>287</t>
  </si>
  <si>
    <t>TURBANÁ</t>
  </si>
  <si>
    <t>SAN JOSÉ DEL FRAGUA</t>
  </si>
  <si>
    <t>MANÍ</t>
  </si>
  <si>
    <t>127000</t>
  </si>
  <si>
    <t>PARATEBUENO</t>
  </si>
  <si>
    <t>SIMIJACA</t>
  </si>
  <si>
    <t>3640</t>
  </si>
  <si>
    <t>1880</t>
  </si>
  <si>
    <t>7890</t>
  </si>
  <si>
    <t>339</t>
  </si>
  <si>
    <t>24750</t>
  </si>
  <si>
    <t>1698</t>
  </si>
  <si>
    <t>331</t>
  </si>
  <si>
    <t>ARATOCA</t>
  </si>
  <si>
    <t>ORTEGA</t>
  </si>
  <si>
    <t>VALLE DE SAN JUAN</t>
  </si>
  <si>
    <t>HELADERIA</t>
  </si>
  <si>
    <t>623</t>
  </si>
  <si>
    <t>117006</t>
  </si>
  <si>
    <t>02/15/2011 12:00:00 AM</t>
  </si>
  <si>
    <t>8705</t>
  </si>
  <si>
    <t>96418</t>
  </si>
  <si>
    <t>342</t>
  </si>
  <si>
    <t>2044</t>
  </si>
  <si>
    <t>482</t>
  </si>
  <si>
    <t>62225</t>
  </si>
  <si>
    <t>2125</t>
  </si>
  <si>
    <t>JUNÍN</t>
  </si>
  <si>
    <t>191</t>
  </si>
  <si>
    <t>2490</t>
  </si>
  <si>
    <t>849</t>
  </si>
  <si>
    <t>303</t>
  </si>
  <si>
    <t>2230</t>
  </si>
  <si>
    <t>4380</t>
  </si>
  <si>
    <t>102370</t>
  </si>
  <si>
    <t>02/16/2011 12:00:00 AM</t>
  </si>
  <si>
    <t>632</t>
  </si>
  <si>
    <t>5210</t>
  </si>
  <si>
    <t>FRENTE A BANCO - VIA PUBLICA</t>
  </si>
  <si>
    <t>104400</t>
  </si>
  <si>
    <t>5305</t>
  </si>
  <si>
    <t>684</t>
  </si>
  <si>
    <t>17280</t>
  </si>
  <si>
    <t>1062</t>
  </si>
  <si>
    <t>SAN LUIS DE PALENQUE</t>
  </si>
  <si>
    <t>109277</t>
  </si>
  <si>
    <t>SILVIA</t>
  </si>
  <si>
    <t>3122</t>
  </si>
  <si>
    <t>2721</t>
  </si>
  <si>
    <t>1996</t>
  </si>
  <si>
    <t>144</t>
  </si>
  <si>
    <t>2040</t>
  </si>
  <si>
    <t>19500</t>
  </si>
  <si>
    <t>577</t>
  </si>
  <si>
    <t>645</t>
  </si>
  <si>
    <t>CHARALÁ</t>
  </si>
  <si>
    <t>454</t>
  </si>
  <si>
    <t>402000</t>
  </si>
  <si>
    <t>1020100</t>
  </si>
  <si>
    <t>6586</t>
  </si>
  <si>
    <t>02/17/2011 12:00:00 AM</t>
  </si>
  <si>
    <t>3620</t>
  </si>
  <si>
    <t>1577</t>
  </si>
  <si>
    <t>2925</t>
  </si>
  <si>
    <t>SAN BERNARDO</t>
  </si>
  <si>
    <t>5276</t>
  </si>
  <si>
    <t>781</t>
  </si>
  <si>
    <t>1615</t>
  </si>
  <si>
    <t>SANTIAGO</t>
  </si>
  <si>
    <t>5831</t>
  </si>
  <si>
    <t>2160</t>
  </si>
  <si>
    <t>65000</t>
  </si>
  <si>
    <t>15638</t>
  </si>
  <si>
    <t>15000</t>
  </si>
  <si>
    <t>ZAPATOCA</t>
  </si>
  <si>
    <t>1268</t>
  </si>
  <si>
    <t>3511</t>
  </si>
  <si>
    <t>02/18/2011 12:00:00 AM</t>
  </si>
  <si>
    <t>327</t>
  </si>
  <si>
    <t>1069</t>
  </si>
  <si>
    <t>1149</t>
  </si>
  <si>
    <t>813</t>
  </si>
  <si>
    <t>1155</t>
  </si>
  <si>
    <t>2333</t>
  </si>
  <si>
    <t>83000</t>
  </si>
  <si>
    <t>782</t>
  </si>
  <si>
    <t>20428</t>
  </si>
  <si>
    <t>734</t>
  </si>
  <si>
    <t>136000</t>
  </si>
  <si>
    <t>227</t>
  </si>
  <si>
    <t>TRINIDAD</t>
  </si>
  <si>
    <t>4943</t>
  </si>
  <si>
    <t>CONTADERO</t>
  </si>
  <si>
    <t>13500</t>
  </si>
  <si>
    <t>854</t>
  </si>
  <si>
    <t>334</t>
  </si>
  <si>
    <t>373</t>
  </si>
  <si>
    <t>1337</t>
  </si>
  <si>
    <t>10013</t>
  </si>
  <si>
    <t>1201</t>
  </si>
  <si>
    <t>02/19/2011 12:00:00 AM</t>
  </si>
  <si>
    <t>4730</t>
  </si>
  <si>
    <t>2715</t>
  </si>
  <si>
    <t>359</t>
  </si>
  <si>
    <t>596</t>
  </si>
  <si>
    <t>TIPACOQUE</t>
  </si>
  <si>
    <t>458</t>
  </si>
  <si>
    <t>19000</t>
  </si>
  <si>
    <t>1067</t>
  </si>
  <si>
    <t>1997</t>
  </si>
  <si>
    <t>SUPATÁ</t>
  </si>
  <si>
    <t>1295</t>
  </si>
  <si>
    <t>OPORAPA</t>
  </si>
  <si>
    <t>1103000</t>
  </si>
  <si>
    <t>6590</t>
  </si>
  <si>
    <t>1161</t>
  </si>
  <si>
    <t>02/20/2011 12:00:00 AM</t>
  </si>
  <si>
    <t>997</t>
  </si>
  <si>
    <t>386</t>
  </si>
  <si>
    <t>589</t>
  </si>
  <si>
    <t>5070</t>
  </si>
  <si>
    <t>13686</t>
  </si>
  <si>
    <t>1270</t>
  </si>
  <si>
    <t>3505</t>
  </si>
  <si>
    <t>ALTAMIRA</t>
  </si>
  <si>
    <t>11600</t>
  </si>
  <si>
    <t>12550</t>
  </si>
  <si>
    <t>2210</t>
  </si>
  <si>
    <t>PIEDRAS</t>
  </si>
  <si>
    <t>18400</t>
  </si>
  <si>
    <t>2911</t>
  </si>
  <si>
    <t>2955</t>
  </si>
  <si>
    <t>02/21/2011 12:00:00 AM</t>
  </si>
  <si>
    <t>426</t>
  </si>
  <si>
    <t>7125</t>
  </si>
  <si>
    <t>667</t>
  </si>
  <si>
    <t>1770</t>
  </si>
  <si>
    <t>8362</t>
  </si>
  <si>
    <t>1821</t>
  </si>
  <si>
    <t>53228</t>
  </si>
  <si>
    <t>487</t>
  </si>
  <si>
    <t>02/22/2011 12:00:00 AM</t>
  </si>
  <si>
    <t>2509</t>
  </si>
  <si>
    <t>948</t>
  </si>
  <si>
    <t>1120</t>
  </si>
  <si>
    <t>PORE</t>
  </si>
  <si>
    <t>2768</t>
  </si>
  <si>
    <t>24100</t>
  </si>
  <si>
    <t>SENDERO PEATONAL</t>
  </si>
  <si>
    <t>1938</t>
  </si>
  <si>
    <t>6723</t>
  </si>
  <si>
    <t>1954</t>
  </si>
  <si>
    <t>4234</t>
  </si>
  <si>
    <t>409000</t>
  </si>
  <si>
    <t>940000</t>
  </si>
  <si>
    <t>02/23/2011 12:00:00 AM</t>
  </si>
  <si>
    <t>5625000</t>
  </si>
  <si>
    <t>22500</t>
  </si>
  <si>
    <t>5628879</t>
  </si>
  <si>
    <t>1850</t>
  </si>
  <si>
    <t>LA JAGUA DE IBIRICO</t>
  </si>
  <si>
    <t>3351</t>
  </si>
  <si>
    <t>15345</t>
  </si>
  <si>
    <t>CUMARAL</t>
  </si>
  <si>
    <t>1200000</t>
  </si>
  <si>
    <t>1142</t>
  </si>
  <si>
    <t>503</t>
  </si>
  <si>
    <t>1045</t>
  </si>
  <si>
    <t>206834</t>
  </si>
  <si>
    <t>653</t>
  </si>
  <si>
    <t>02/24/2011 12:00:00 AM</t>
  </si>
  <si>
    <t>1052</t>
  </si>
  <si>
    <t>15814</t>
  </si>
  <si>
    <t>3800000</t>
  </si>
  <si>
    <t>413</t>
  </si>
  <si>
    <t>2531</t>
  </si>
  <si>
    <t>52200</t>
  </si>
  <si>
    <t>SAN JUAN DEL CESAR</t>
  </si>
  <si>
    <t>EL PIÑON</t>
  </si>
  <si>
    <t>SAN CARLOS DE GUAROA</t>
  </si>
  <si>
    <t>5120</t>
  </si>
  <si>
    <t>4880</t>
  </si>
  <si>
    <t>1170</t>
  </si>
  <si>
    <t>670</t>
  </si>
  <si>
    <t>2379</t>
  </si>
  <si>
    <t>429</t>
  </si>
  <si>
    <t>2450</t>
  </si>
  <si>
    <t>02/25/2011 12:00:00 AM</t>
  </si>
  <si>
    <t>190000</t>
  </si>
  <si>
    <t>4093</t>
  </si>
  <si>
    <t>2675</t>
  </si>
  <si>
    <t>1524</t>
  </si>
  <si>
    <t>MACANAL</t>
  </si>
  <si>
    <t>1328</t>
  </si>
  <si>
    <t>BAHÍA SOLANO</t>
  </si>
  <si>
    <t>333000</t>
  </si>
  <si>
    <t>1691</t>
  </si>
  <si>
    <t>TADÓ</t>
  </si>
  <si>
    <t>807</t>
  </si>
  <si>
    <t>7271</t>
  </si>
  <si>
    <t>NILO</t>
  </si>
  <si>
    <t>947</t>
  </si>
  <si>
    <t>501</t>
  </si>
  <si>
    <t>19062</t>
  </si>
  <si>
    <t>871</t>
  </si>
  <si>
    <t>22010</t>
  </si>
  <si>
    <t>3410</t>
  </si>
  <si>
    <t>8622</t>
  </si>
  <si>
    <t>1885</t>
  </si>
  <si>
    <t>511</t>
  </si>
  <si>
    <t>1450</t>
  </si>
  <si>
    <t>1729</t>
  </si>
  <si>
    <t>LOS SANTOS</t>
  </si>
  <si>
    <t>1485</t>
  </si>
  <si>
    <t>8545</t>
  </si>
  <si>
    <t>02/26/2011 12:00:00 AM</t>
  </si>
  <si>
    <t>202</t>
  </si>
  <si>
    <t>SUAN</t>
  </si>
  <si>
    <t>SAN FERNANDO</t>
  </si>
  <si>
    <t>CAMPOHERMOSO</t>
  </si>
  <si>
    <t>CAFETERIAS</t>
  </si>
  <si>
    <t>TAURAMENA</t>
  </si>
  <si>
    <t>434</t>
  </si>
  <si>
    <t>571</t>
  </si>
  <si>
    <t>971</t>
  </si>
  <si>
    <t>981</t>
  </si>
  <si>
    <t>PIJIÑO DEL CARMEN</t>
  </si>
  <si>
    <t>42921</t>
  </si>
  <si>
    <t>1800</t>
  </si>
  <si>
    <t>1791</t>
  </si>
  <si>
    <t>8000</t>
  </si>
  <si>
    <t>1544</t>
  </si>
  <si>
    <t>02/27/2011 12:00:00 AM</t>
  </si>
  <si>
    <t>836</t>
  </si>
  <si>
    <t>5870</t>
  </si>
  <si>
    <t>407796</t>
  </si>
  <si>
    <t>830</t>
  </si>
  <si>
    <t>51641</t>
  </si>
  <si>
    <t>TIERRALTA</t>
  </si>
  <si>
    <t>443</t>
  </si>
  <si>
    <t>12764</t>
  </si>
  <si>
    <t>MACHETA</t>
  </si>
  <si>
    <t>PANDI</t>
  </si>
  <si>
    <t>REMOLINO</t>
  </si>
  <si>
    <t>895</t>
  </si>
  <si>
    <t>363000</t>
  </si>
  <si>
    <t>1903</t>
  </si>
  <si>
    <t>02/28/2011 12:00:00 AM</t>
  </si>
  <si>
    <t>16920</t>
  </si>
  <si>
    <t>SAN EDUARDO</t>
  </si>
  <si>
    <t>551</t>
  </si>
  <si>
    <t>1234</t>
  </si>
  <si>
    <t>6896</t>
  </si>
  <si>
    <t>538</t>
  </si>
  <si>
    <t>2180</t>
  </si>
  <si>
    <t>1713</t>
  </si>
  <si>
    <t>904</t>
  </si>
  <si>
    <t>3929</t>
  </si>
  <si>
    <t>CABRERA</t>
  </si>
  <si>
    <t>CONJUNTO RESIDENCIAL</t>
  </si>
  <si>
    <t>CICLO RUTA</t>
  </si>
  <si>
    <t>677</t>
  </si>
  <si>
    <t>18685</t>
  </si>
  <si>
    <t>1720</t>
  </si>
  <si>
    <t>727</t>
  </si>
  <si>
    <t>5700</t>
  </si>
  <si>
    <t>40744</t>
  </si>
  <si>
    <t>03/01/2011 12:00:00 AM</t>
  </si>
  <si>
    <t>252</t>
  </si>
  <si>
    <t>357</t>
  </si>
  <si>
    <t>PALMAR DE VARELA</t>
  </si>
  <si>
    <t>4250</t>
  </si>
  <si>
    <t>SAN SEBASTIÁN</t>
  </si>
  <si>
    <t>2276</t>
  </si>
  <si>
    <t>800000</t>
  </si>
  <si>
    <t>30091</t>
  </si>
  <si>
    <t>28798</t>
  </si>
  <si>
    <t>4523</t>
  </si>
  <si>
    <t>358</t>
  </si>
  <si>
    <t>535</t>
  </si>
  <si>
    <t>336000</t>
  </si>
  <si>
    <t>03/02/2011 12:00:00 AM</t>
  </si>
  <si>
    <t>889</t>
  </si>
  <si>
    <t>765</t>
  </si>
  <si>
    <t>4590</t>
  </si>
  <si>
    <t>919</t>
  </si>
  <si>
    <t>648</t>
  </si>
  <si>
    <t>25430</t>
  </si>
  <si>
    <t>4059</t>
  </si>
  <si>
    <t>1780</t>
  </si>
  <si>
    <t>GUACHETÁ</t>
  </si>
  <si>
    <t>KINGSTON</t>
  </si>
  <si>
    <t>119002</t>
  </si>
  <si>
    <t>ALDANA</t>
  </si>
  <si>
    <t>CUASPUD</t>
  </si>
  <si>
    <t>EL CARMEN</t>
  </si>
  <si>
    <t>SAN CALIXTO</t>
  </si>
  <si>
    <t>31929</t>
  </si>
  <si>
    <t>8233</t>
  </si>
  <si>
    <t>234</t>
  </si>
  <si>
    <t>564</t>
  </si>
  <si>
    <t>1104</t>
  </si>
  <si>
    <t>1260</t>
  </si>
  <si>
    <t>492</t>
  </si>
  <si>
    <t>116000</t>
  </si>
  <si>
    <t>03/03/2011 12:00:00 AM</t>
  </si>
  <si>
    <t>316</t>
  </si>
  <si>
    <t>1178</t>
  </si>
  <si>
    <t>6687</t>
  </si>
  <si>
    <t>1517</t>
  </si>
  <si>
    <t>659</t>
  </si>
  <si>
    <t>PACHAVITA</t>
  </si>
  <si>
    <t>17000</t>
  </si>
  <si>
    <t>11748</t>
  </si>
  <si>
    <t>1874</t>
  </si>
  <si>
    <t>2825</t>
  </si>
  <si>
    <t>5132</t>
  </si>
  <si>
    <t>162180</t>
  </si>
  <si>
    <t>1530</t>
  </si>
  <si>
    <t>299</t>
  </si>
  <si>
    <t>2413</t>
  </si>
  <si>
    <t>612</t>
  </si>
  <si>
    <t>567000</t>
  </si>
  <si>
    <t>1718</t>
  </si>
  <si>
    <t>21900</t>
  </si>
  <si>
    <t>03/04/2011 12:00:00 AM</t>
  </si>
  <si>
    <t>1600</t>
  </si>
  <si>
    <t>950</t>
  </si>
  <si>
    <t>638</t>
  </si>
  <si>
    <t>26451</t>
  </si>
  <si>
    <t>5600</t>
  </si>
  <si>
    <t>50796</t>
  </si>
  <si>
    <t>PUERTO RICO</t>
  </si>
  <si>
    <t>467</t>
  </si>
  <si>
    <t>206000</t>
  </si>
  <si>
    <t>417</t>
  </si>
  <si>
    <t>7252</t>
  </si>
  <si>
    <t>468</t>
  </si>
  <si>
    <t>20076</t>
  </si>
  <si>
    <t>802</t>
  </si>
  <si>
    <t>1955</t>
  </si>
  <si>
    <t>2207</t>
  </si>
  <si>
    <t>603</t>
  </si>
  <si>
    <t>13101</t>
  </si>
  <si>
    <t>892</t>
  </si>
  <si>
    <t>03/05/2011 12:00:00 AM</t>
  </si>
  <si>
    <t>3810</t>
  </si>
  <si>
    <t>90500</t>
  </si>
  <si>
    <t>91000</t>
  </si>
  <si>
    <t>1440</t>
  </si>
  <si>
    <t>1438</t>
  </si>
  <si>
    <t>128358</t>
  </si>
  <si>
    <t>2316</t>
  </si>
  <si>
    <t>1453</t>
  </si>
  <si>
    <t>COLOMBIA</t>
  </si>
  <si>
    <t>HOBO</t>
  </si>
  <si>
    <t>SALADOBLANCO</t>
  </si>
  <si>
    <t>CUMBAL</t>
  </si>
  <si>
    <t>4687</t>
  </si>
  <si>
    <t>223000</t>
  </si>
  <si>
    <t>9816</t>
  </si>
  <si>
    <t>500076</t>
  </si>
  <si>
    <t>12650</t>
  </si>
  <si>
    <t>1355</t>
  </si>
  <si>
    <t>7712</t>
  </si>
  <si>
    <t>287000</t>
  </si>
  <si>
    <t>CALLEJÓN</t>
  </si>
  <si>
    <t>03/06/2011 12:00:00 AM</t>
  </si>
  <si>
    <t>5080</t>
  </si>
  <si>
    <t>SAN PEDRO DE URABÁ</t>
  </si>
  <si>
    <t>321</t>
  </si>
  <si>
    <t>CHIMÁ</t>
  </si>
  <si>
    <t>69245</t>
  </si>
  <si>
    <t>5470</t>
  </si>
  <si>
    <t>LA PALMA</t>
  </si>
  <si>
    <t>OLAYA HERRERA</t>
  </si>
  <si>
    <t>1013</t>
  </si>
  <si>
    <t>354</t>
  </si>
  <si>
    <t>SEDES SOCIALES, CLUBES O SIMILARES</t>
  </si>
  <si>
    <t>03/07/2011 12:00:00 AM</t>
  </si>
  <si>
    <t>15291</t>
  </si>
  <si>
    <t>1202</t>
  </si>
  <si>
    <t>3585</t>
  </si>
  <si>
    <t>4785</t>
  </si>
  <si>
    <t>873</t>
  </si>
  <si>
    <t>10450</t>
  </si>
  <si>
    <t>1812</t>
  </si>
  <si>
    <t>1119</t>
  </si>
  <si>
    <t>03/08/2011 12:00:00 AM</t>
  </si>
  <si>
    <t>26926</t>
  </si>
  <si>
    <t>4476</t>
  </si>
  <si>
    <t>97208</t>
  </si>
  <si>
    <t>49809</t>
  </si>
  <si>
    <t>5353</t>
  </si>
  <si>
    <t>QUEBRADANEGRA</t>
  </si>
  <si>
    <t>314</t>
  </si>
  <si>
    <t>9180</t>
  </si>
  <si>
    <t>568</t>
  </si>
  <si>
    <t>3987</t>
  </si>
  <si>
    <t>2384</t>
  </si>
  <si>
    <t>8650</t>
  </si>
  <si>
    <t>1835</t>
  </si>
  <si>
    <t>03/09/2011 12:00:00 AM</t>
  </si>
  <si>
    <t>4060</t>
  </si>
  <si>
    <t>381</t>
  </si>
  <si>
    <t>SOCHA</t>
  </si>
  <si>
    <t>579</t>
  </si>
  <si>
    <t>2179</t>
  </si>
  <si>
    <t>2293</t>
  </si>
  <si>
    <t>ABREGO</t>
  </si>
  <si>
    <t>200058</t>
  </si>
  <si>
    <t>5049</t>
  </si>
  <si>
    <t>GUAPOTÁ</t>
  </si>
  <si>
    <t>157203</t>
  </si>
  <si>
    <t>2645</t>
  </si>
  <si>
    <t>03/10/2011 12:00:00 AM</t>
  </si>
  <si>
    <t>1043</t>
  </si>
  <si>
    <t>2872</t>
  </si>
  <si>
    <t>890</t>
  </si>
  <si>
    <t>LA SIERRA</t>
  </si>
  <si>
    <t>10375</t>
  </si>
  <si>
    <t>GUTIÉRREZ</t>
  </si>
  <si>
    <t>1001</t>
  </si>
  <si>
    <t>2264</t>
  </si>
  <si>
    <t>7357</t>
  </si>
  <si>
    <t>272</t>
  </si>
  <si>
    <t>2208</t>
  </si>
  <si>
    <t>12551</t>
  </si>
  <si>
    <t>32200</t>
  </si>
  <si>
    <t>03/11/2011 12:00:00 AM</t>
  </si>
  <si>
    <t>431</t>
  </si>
  <si>
    <t>829</t>
  </si>
  <si>
    <t>2328</t>
  </si>
  <si>
    <t>3826</t>
  </si>
  <si>
    <t>1203</t>
  </si>
  <si>
    <t>132148</t>
  </si>
  <si>
    <t>112000</t>
  </si>
  <si>
    <t>128000</t>
  </si>
  <si>
    <t>2021</t>
  </si>
  <si>
    <t>1940</t>
  </si>
  <si>
    <t>16006</t>
  </si>
  <si>
    <t>RESTAURANTES</t>
  </si>
  <si>
    <t>1248</t>
  </si>
  <si>
    <t>5675</t>
  </si>
  <si>
    <t>9500</t>
  </si>
  <si>
    <t>18600</t>
  </si>
  <si>
    <t>6256</t>
  </si>
  <si>
    <t>504</t>
  </si>
  <si>
    <t>4180</t>
  </si>
  <si>
    <t>COROMORO</t>
  </si>
  <si>
    <t>MATANZA</t>
  </si>
  <si>
    <t>OCAMONTE</t>
  </si>
  <si>
    <t>PÁRAMO</t>
  </si>
  <si>
    <t>PINCHOTE</t>
  </si>
  <si>
    <t>SAN JOAQUÍN</t>
  </si>
  <si>
    <t>TONA</t>
  </si>
  <si>
    <t>1759</t>
  </si>
  <si>
    <t>456</t>
  </si>
  <si>
    <t>03/12/2011 12:00:00 AM</t>
  </si>
  <si>
    <t>706</t>
  </si>
  <si>
    <t>17740</t>
  </si>
  <si>
    <t>186</t>
  </si>
  <si>
    <t>1113</t>
  </si>
  <si>
    <t>1651</t>
  </si>
  <si>
    <t>592</t>
  </si>
  <si>
    <t>JERUSALÉN</t>
  </si>
  <si>
    <t>91120</t>
  </si>
  <si>
    <t>447</t>
  </si>
  <si>
    <t>602</t>
  </si>
  <si>
    <t>5100</t>
  </si>
  <si>
    <t>03/13/2011 12:00:00 AM</t>
  </si>
  <si>
    <t>2820</t>
  </si>
  <si>
    <t>642</t>
  </si>
  <si>
    <t>1662</t>
  </si>
  <si>
    <t>51000</t>
  </si>
  <si>
    <t>PUERTO LIBERTADOR</t>
  </si>
  <si>
    <t>1704</t>
  </si>
  <si>
    <t>1435</t>
  </si>
  <si>
    <t>URIBIA</t>
  </si>
  <si>
    <t>70000</t>
  </si>
  <si>
    <t>03/14/2011 12:00:00 AM</t>
  </si>
  <si>
    <t>180000</t>
  </si>
  <si>
    <t>69000</t>
  </si>
  <si>
    <t>34000</t>
  </si>
  <si>
    <t>1830</t>
  </si>
  <si>
    <t>SAMANÁ</t>
  </si>
  <si>
    <t>COTORRA</t>
  </si>
  <si>
    <t>3544</t>
  </si>
  <si>
    <t>PASCA</t>
  </si>
  <si>
    <t>SANTA ANA</t>
  </si>
  <si>
    <t>SAPUYES</t>
  </si>
  <si>
    <t>138956</t>
  </si>
  <si>
    <t>4700</t>
  </si>
  <si>
    <t>627</t>
  </si>
  <si>
    <t>1675</t>
  </si>
  <si>
    <t>8500</t>
  </si>
  <si>
    <t>1082</t>
  </si>
  <si>
    <t>03/15/2011 12:00:00 AM</t>
  </si>
  <si>
    <t>75000</t>
  </si>
  <si>
    <t>3180</t>
  </si>
  <si>
    <t>1000000</t>
  </si>
  <si>
    <t>760</t>
  </si>
  <si>
    <t>18307</t>
  </si>
  <si>
    <t>CALIFORNIA</t>
  </si>
  <si>
    <t>5450</t>
  </si>
  <si>
    <t>417000</t>
  </si>
  <si>
    <t>1585</t>
  </si>
  <si>
    <t>COGUA</t>
  </si>
  <si>
    <t>8612</t>
  </si>
  <si>
    <t>346</t>
  </si>
  <si>
    <t>INSTALACIONES JUDICIALES</t>
  </si>
  <si>
    <t>1933</t>
  </si>
  <si>
    <t>559</t>
  </si>
  <si>
    <t>ARMERO</t>
  </si>
  <si>
    <t>40714</t>
  </si>
  <si>
    <t>03/16/2011 12:00:00 AM</t>
  </si>
  <si>
    <t>CARACOLÍ</t>
  </si>
  <si>
    <t>2232</t>
  </si>
  <si>
    <t>26825</t>
  </si>
  <si>
    <t>103041</t>
  </si>
  <si>
    <t>2053</t>
  </si>
  <si>
    <t>105000</t>
  </si>
  <si>
    <t>110200</t>
  </si>
  <si>
    <t>29500</t>
  </si>
  <si>
    <t>97670</t>
  </si>
  <si>
    <t>1020</t>
  </si>
  <si>
    <t>3630</t>
  </si>
  <si>
    <t>SASAIMA</t>
  </si>
  <si>
    <t>1591</t>
  </si>
  <si>
    <t>58183</t>
  </si>
  <si>
    <t>PUPIALES</t>
  </si>
  <si>
    <t>484</t>
  </si>
  <si>
    <t>134775</t>
  </si>
  <si>
    <t>3100</t>
  </si>
  <si>
    <t>945</t>
  </si>
  <si>
    <t>407</t>
  </si>
  <si>
    <t>ENCISO</t>
  </si>
  <si>
    <t>MACARAVITA</t>
  </si>
  <si>
    <t>MOLAGAVITA</t>
  </si>
  <si>
    <t>SAN JOSÉ DE MIRANDA</t>
  </si>
  <si>
    <t>464</t>
  </si>
  <si>
    <t>574</t>
  </si>
  <si>
    <t>03/17/2011 12:00:00 AM</t>
  </si>
  <si>
    <t>1053</t>
  </si>
  <si>
    <t>1545</t>
  </si>
  <si>
    <t>5762</t>
  </si>
  <si>
    <t>USIACURÍ</t>
  </si>
  <si>
    <t>87913</t>
  </si>
  <si>
    <t>ROSAS</t>
  </si>
  <si>
    <t>459</t>
  </si>
  <si>
    <t>7570</t>
  </si>
  <si>
    <t>4150000</t>
  </si>
  <si>
    <t>976</t>
  </si>
  <si>
    <t>4042</t>
  </si>
  <si>
    <t>1003</t>
  </si>
  <si>
    <t>514</t>
  </si>
  <si>
    <t>969</t>
  </si>
  <si>
    <t>VILLA CARO</t>
  </si>
  <si>
    <t>2390</t>
  </si>
  <si>
    <t>2635</t>
  </si>
  <si>
    <t>689</t>
  </si>
  <si>
    <t>24000</t>
  </si>
  <si>
    <t>382</t>
  </si>
  <si>
    <t>03/18/2011 12:00:00 AM</t>
  </si>
  <si>
    <t>687</t>
  </si>
  <si>
    <t>1911</t>
  </si>
  <si>
    <t>448</t>
  </si>
  <si>
    <t>700000</t>
  </si>
  <si>
    <t>224</t>
  </si>
  <si>
    <t>4208</t>
  </si>
  <si>
    <t>19998</t>
  </si>
  <si>
    <t>6359</t>
  </si>
  <si>
    <t>NOCAIMA</t>
  </si>
  <si>
    <t>9600</t>
  </si>
  <si>
    <t>88000</t>
  </si>
  <si>
    <t>127800</t>
  </si>
  <si>
    <t>546</t>
  </si>
  <si>
    <t>10058</t>
  </si>
  <si>
    <t>437</t>
  </si>
  <si>
    <t>1214</t>
  </si>
  <si>
    <t>25970</t>
  </si>
  <si>
    <t>71256</t>
  </si>
  <si>
    <t>695</t>
  </si>
  <si>
    <t>952</t>
  </si>
  <si>
    <t>03/19/2011 12:00:00 AM</t>
  </si>
  <si>
    <t>12499</t>
  </si>
  <si>
    <t>9701</t>
  </si>
  <si>
    <t>2545</t>
  </si>
  <si>
    <t>365</t>
  </si>
  <si>
    <t>3316000</t>
  </si>
  <si>
    <t>TORIBIO</t>
  </si>
  <si>
    <t>1098660</t>
  </si>
  <si>
    <t>1961</t>
  </si>
  <si>
    <t>8690</t>
  </si>
  <si>
    <t>2985</t>
  </si>
  <si>
    <t>GUAMAL</t>
  </si>
  <si>
    <t>383</t>
  </si>
  <si>
    <t>3786</t>
  </si>
  <si>
    <t>618</t>
  </si>
  <si>
    <t>LINEA FERREA</t>
  </si>
  <si>
    <t>1500000</t>
  </si>
  <si>
    <t>03/20/2011 12:00:00 AM</t>
  </si>
  <si>
    <t>2558</t>
  </si>
  <si>
    <t>TIBASOSA</t>
  </si>
  <si>
    <t>2330</t>
  </si>
  <si>
    <t>ATRATO</t>
  </si>
  <si>
    <t>5128</t>
  </si>
  <si>
    <t>2130</t>
  </si>
  <si>
    <t>CASA EN CONJUNTO CERRADO</t>
  </si>
  <si>
    <t>3070</t>
  </si>
  <si>
    <t>2075</t>
  </si>
  <si>
    <t>6400</t>
  </si>
  <si>
    <t>1650</t>
  </si>
  <si>
    <t>03/21/2011 12:00:00 AM</t>
  </si>
  <si>
    <t>42463</t>
  </si>
  <si>
    <t>52420</t>
  </si>
  <si>
    <t>475</t>
  </si>
  <si>
    <t>2790</t>
  </si>
  <si>
    <t>VALENCIA</t>
  </si>
  <si>
    <t>16727</t>
  </si>
  <si>
    <t>622</t>
  </si>
  <si>
    <t>3613</t>
  </si>
  <si>
    <t>1156</t>
  </si>
  <si>
    <t>MUTISCUA</t>
  </si>
  <si>
    <t>901</t>
  </si>
  <si>
    <t>590</t>
  </si>
  <si>
    <t>4410</t>
  </si>
  <si>
    <t>03/22/2011 12:00:00 AM</t>
  </si>
  <si>
    <t>451</t>
  </si>
  <si>
    <t>825</t>
  </si>
  <si>
    <t>SOMONDOCO</t>
  </si>
  <si>
    <t>635</t>
  </si>
  <si>
    <t>2500000</t>
  </si>
  <si>
    <t>449</t>
  </si>
  <si>
    <t>2080</t>
  </si>
  <si>
    <t>826</t>
  </si>
  <si>
    <t>1126</t>
  </si>
  <si>
    <t>OIBA</t>
  </si>
  <si>
    <t>469</t>
  </si>
  <si>
    <t>2640</t>
  </si>
  <si>
    <t>6300</t>
  </si>
  <si>
    <t>03/23/2011 12:00:00 AM</t>
  </si>
  <si>
    <t>276120</t>
  </si>
  <si>
    <t>470</t>
  </si>
  <si>
    <t>2532</t>
  </si>
  <si>
    <t>52102</t>
  </si>
  <si>
    <t>55702</t>
  </si>
  <si>
    <t>3250</t>
  </si>
  <si>
    <t>2422</t>
  </si>
  <si>
    <t>466</t>
  </si>
  <si>
    <t>3480</t>
  </si>
  <si>
    <t>477</t>
  </si>
  <si>
    <t>2425</t>
  </si>
  <si>
    <t>4678</t>
  </si>
  <si>
    <t>SANTA BÁRBARA DE PINTO</t>
  </si>
  <si>
    <t>599</t>
  </si>
  <si>
    <t>1165</t>
  </si>
  <si>
    <t>1198</t>
  </si>
  <si>
    <t>03/24/2011 12:00:00 AM</t>
  </si>
  <si>
    <t>88730</t>
  </si>
  <si>
    <t>5135</t>
  </si>
  <si>
    <t>1280</t>
  </si>
  <si>
    <t>SUPERMERCADOS</t>
  </si>
  <si>
    <t>1610</t>
  </si>
  <si>
    <t>22561</t>
  </si>
  <si>
    <t>1428</t>
  </si>
  <si>
    <t>5752</t>
  </si>
  <si>
    <t>408</t>
  </si>
  <si>
    <t>697</t>
  </si>
  <si>
    <t>481</t>
  </si>
  <si>
    <t>54210</t>
  </si>
  <si>
    <t>294</t>
  </si>
  <si>
    <t>8380</t>
  </si>
  <si>
    <t>1016</t>
  </si>
  <si>
    <t>98960</t>
  </si>
  <si>
    <t>400000</t>
  </si>
  <si>
    <t>31750</t>
  </si>
  <si>
    <t>1085</t>
  </si>
  <si>
    <t>953</t>
  </si>
  <si>
    <t>RESGUARDO INDÍGENA</t>
  </si>
  <si>
    <t>03/25/2011 12:00:00 AM</t>
  </si>
  <si>
    <t>717</t>
  </si>
  <si>
    <t>1410</t>
  </si>
  <si>
    <t>690</t>
  </si>
  <si>
    <t>2132</t>
  </si>
  <si>
    <t>43000</t>
  </si>
  <si>
    <t>12721</t>
  </si>
  <si>
    <t>1118</t>
  </si>
  <si>
    <t>1558</t>
  </si>
  <si>
    <t>2887</t>
  </si>
  <si>
    <t>10810</t>
  </si>
  <si>
    <t>11643</t>
  </si>
  <si>
    <t>EL TARRA</t>
  </si>
  <si>
    <t>66000</t>
  </si>
  <si>
    <t>PALMITO</t>
  </si>
  <si>
    <t>5713</t>
  </si>
  <si>
    <t>1217</t>
  </si>
  <si>
    <t>6600</t>
  </si>
  <si>
    <t>03/26/2011 12:00:00 AM</t>
  </si>
  <si>
    <t>608</t>
  </si>
  <si>
    <t>702</t>
  </si>
  <si>
    <t>113090</t>
  </si>
  <si>
    <t>970</t>
  </si>
  <si>
    <t>EL PAUJIL</t>
  </si>
  <si>
    <t>663561</t>
  </si>
  <si>
    <t>372</t>
  </si>
  <si>
    <t>8082</t>
  </si>
  <si>
    <t>2247</t>
  </si>
  <si>
    <t>26560</t>
  </si>
  <si>
    <t>VIOTÁ</t>
  </si>
  <si>
    <t>44865</t>
  </si>
  <si>
    <t>47236</t>
  </si>
  <si>
    <t>575</t>
  </si>
  <si>
    <t>6272</t>
  </si>
  <si>
    <t>10355</t>
  </si>
  <si>
    <t>03/27/2011 12:00:00 AM</t>
  </si>
  <si>
    <t>17527</t>
  </si>
  <si>
    <t>14150</t>
  </si>
  <si>
    <t>AIPE</t>
  </si>
  <si>
    <t>741</t>
  </si>
  <si>
    <t>4510</t>
  </si>
  <si>
    <t>25130</t>
  </si>
  <si>
    <t>870</t>
  </si>
  <si>
    <t>03/28/2011 12:00:00 AM</t>
  </si>
  <si>
    <t>1072</t>
  </si>
  <si>
    <t>13436</t>
  </si>
  <si>
    <t>CLEMENCIA</t>
  </si>
  <si>
    <t>1905</t>
  </si>
  <si>
    <t>154000</t>
  </si>
  <si>
    <t>LA PEÑA</t>
  </si>
  <si>
    <t>3215</t>
  </si>
  <si>
    <t>688</t>
  </si>
  <si>
    <t>4835</t>
  </si>
  <si>
    <t>1552</t>
  </si>
  <si>
    <t>3158</t>
  </si>
  <si>
    <t>842</t>
  </si>
  <si>
    <t>03/29/2011 12:00:00 AM</t>
  </si>
  <si>
    <t>3090</t>
  </si>
  <si>
    <t>324000</t>
  </si>
  <si>
    <t>27000</t>
  </si>
  <si>
    <t>1617</t>
  </si>
  <si>
    <t>3155</t>
  </si>
  <si>
    <t>926</t>
  </si>
  <si>
    <t>1211</t>
  </si>
  <si>
    <t>478</t>
  </si>
  <si>
    <t>1392</t>
  </si>
  <si>
    <t>1263</t>
  </si>
  <si>
    <t>1192</t>
  </si>
  <si>
    <t>1077</t>
  </si>
  <si>
    <t>03/30/2011 12:00:00 AM</t>
  </si>
  <si>
    <t>1591180</t>
  </si>
  <si>
    <t>25608</t>
  </si>
  <si>
    <t>1384</t>
  </si>
  <si>
    <t>2310</t>
  </si>
  <si>
    <t>5622</t>
  </si>
  <si>
    <t>24250</t>
  </si>
  <si>
    <t>NUNCHÍA</t>
  </si>
  <si>
    <t>TÁMARA</t>
  </si>
  <si>
    <t>3210</t>
  </si>
  <si>
    <t>3166000</t>
  </si>
  <si>
    <t>992</t>
  </si>
  <si>
    <t>13725</t>
  </si>
  <si>
    <t>EL CHARCO</t>
  </si>
  <si>
    <t>1173</t>
  </si>
  <si>
    <t>872</t>
  </si>
  <si>
    <t>858</t>
  </si>
  <si>
    <t>361</t>
  </si>
  <si>
    <t>1822</t>
  </si>
  <si>
    <t>03/31/2011 12:00:00 AM</t>
  </si>
  <si>
    <t>527</t>
  </si>
  <si>
    <t>506</t>
  </si>
  <si>
    <t>1183</t>
  </si>
  <si>
    <t>4825</t>
  </si>
  <si>
    <t>52000</t>
  </si>
  <si>
    <t>555184</t>
  </si>
  <si>
    <t>2980</t>
  </si>
  <si>
    <t>17433</t>
  </si>
  <si>
    <t>2441</t>
  </si>
  <si>
    <t>1833</t>
  </si>
  <si>
    <t>29380</t>
  </si>
  <si>
    <t>4782</t>
  </si>
  <si>
    <t>LA TOLA</t>
  </si>
  <si>
    <t>6100</t>
  </si>
  <si>
    <t>30203</t>
  </si>
  <si>
    <t>615</t>
  </si>
  <si>
    <t>81835</t>
  </si>
  <si>
    <t>780</t>
  </si>
  <si>
    <t>45008</t>
  </si>
  <si>
    <t>26600</t>
  </si>
  <si>
    <t>961</t>
  </si>
  <si>
    <t>04/01/2011 12:00:00 AM</t>
  </si>
  <si>
    <t>4872</t>
  </si>
  <si>
    <t>3672</t>
  </si>
  <si>
    <t>713</t>
  </si>
  <si>
    <t>886</t>
  </si>
  <si>
    <t>16912</t>
  </si>
  <si>
    <t>2646</t>
  </si>
  <si>
    <t>4130</t>
  </si>
  <si>
    <t>HATO</t>
  </si>
  <si>
    <t>4145</t>
  </si>
  <si>
    <t>839</t>
  </si>
  <si>
    <t>04/02/2011 12:00:00 AM</t>
  </si>
  <si>
    <t>9051</t>
  </si>
  <si>
    <t>1432</t>
  </si>
  <si>
    <t>7233</t>
  </si>
  <si>
    <t>2360</t>
  </si>
  <si>
    <t>5380</t>
  </si>
  <si>
    <t>3662</t>
  </si>
  <si>
    <t>955</t>
  </si>
  <si>
    <t>500000</t>
  </si>
  <si>
    <t>3085</t>
  </si>
  <si>
    <t>388</t>
  </si>
  <si>
    <t>831</t>
  </si>
  <si>
    <t>785100</t>
  </si>
  <si>
    <t>617</t>
  </si>
  <si>
    <t>04/03/2011 12:00:00 AM</t>
  </si>
  <si>
    <t>6391</t>
  </si>
  <si>
    <t>2406</t>
  </si>
  <si>
    <t>1185</t>
  </si>
  <si>
    <t>LA GLORIA</t>
  </si>
  <si>
    <t>04/04/2011 12:00:00 AM</t>
  </si>
  <si>
    <t>4401</t>
  </si>
  <si>
    <t>CÓMBITA</t>
  </si>
  <si>
    <t>364</t>
  </si>
  <si>
    <t>3520</t>
  </si>
  <si>
    <t>FÚQUENE</t>
  </si>
  <si>
    <t>2368</t>
  </si>
  <si>
    <t>3195</t>
  </si>
  <si>
    <t>928</t>
  </si>
  <si>
    <t>7032</t>
  </si>
  <si>
    <t>04/05/2011 12:00:00 AM</t>
  </si>
  <si>
    <t>5167</t>
  </si>
  <si>
    <t>22560</t>
  </si>
  <si>
    <t>44640</t>
  </si>
  <si>
    <t>3247</t>
  </si>
  <si>
    <t>47638</t>
  </si>
  <si>
    <t>11215</t>
  </si>
  <si>
    <t>PAMPLONITA</t>
  </si>
  <si>
    <t>701</t>
  </si>
  <si>
    <t>1036</t>
  </si>
  <si>
    <t>EL DOVIO</t>
  </si>
  <si>
    <t>12030</t>
  </si>
  <si>
    <t>150000</t>
  </si>
  <si>
    <t>1172</t>
  </si>
  <si>
    <t>04/06/2011 12:00:00 AM</t>
  </si>
  <si>
    <t>3175</t>
  </si>
  <si>
    <t>EL PEÑÓN</t>
  </si>
  <si>
    <t>816</t>
  </si>
  <si>
    <t>3233</t>
  </si>
  <si>
    <t>6132</t>
  </si>
  <si>
    <t>VEHICULO</t>
  </si>
  <si>
    <t>6050</t>
  </si>
  <si>
    <t>543</t>
  </si>
  <si>
    <t>25020</t>
  </si>
  <si>
    <t>809</t>
  </si>
  <si>
    <t>837</t>
  </si>
  <si>
    <t>04/07/2011 12:00:00 AM</t>
  </si>
  <si>
    <t>17940</t>
  </si>
  <si>
    <t>2795</t>
  </si>
  <si>
    <t>2191</t>
  </si>
  <si>
    <t>52316</t>
  </si>
  <si>
    <t>GACHANTIVÁ</t>
  </si>
  <si>
    <t>621</t>
  </si>
  <si>
    <t>6698</t>
  </si>
  <si>
    <t>554</t>
  </si>
  <si>
    <t>6102</t>
  </si>
  <si>
    <t>1195300</t>
  </si>
  <si>
    <t>187500</t>
  </si>
  <si>
    <t>8755</t>
  </si>
  <si>
    <t>23317</t>
  </si>
  <si>
    <t>1441</t>
  </si>
  <si>
    <t>2025</t>
  </si>
  <si>
    <t>13005</t>
  </si>
  <si>
    <t>109874</t>
  </si>
  <si>
    <t>773000</t>
  </si>
  <si>
    <t>04/08/2011 12:00:00 AM</t>
  </si>
  <si>
    <t>24500</t>
  </si>
  <si>
    <t>859</t>
  </si>
  <si>
    <t>CAJIBÍO</t>
  </si>
  <si>
    <t>BANCOS</t>
  </si>
  <si>
    <t>761</t>
  </si>
  <si>
    <t>4742</t>
  </si>
  <si>
    <t>1995</t>
  </si>
  <si>
    <t>8021</t>
  </si>
  <si>
    <t>2078</t>
  </si>
  <si>
    <t>3800</t>
  </si>
  <si>
    <t>3548</t>
  </si>
  <si>
    <t>880</t>
  </si>
  <si>
    <t>806</t>
  </si>
  <si>
    <t>1965</t>
  </si>
  <si>
    <t>201000</t>
  </si>
  <si>
    <t>04/09/2011 12:00:00 AM</t>
  </si>
  <si>
    <t>1080</t>
  </si>
  <si>
    <t>6355</t>
  </si>
  <si>
    <t>TALLERES MECANICA</t>
  </si>
  <si>
    <t>745</t>
  </si>
  <si>
    <t>1476</t>
  </si>
  <si>
    <t>19335</t>
  </si>
  <si>
    <t>528</t>
  </si>
  <si>
    <t>536</t>
  </si>
  <si>
    <t>1034</t>
  </si>
  <si>
    <t>13952</t>
  </si>
  <si>
    <t>04/10/2011 12:00:00 AM</t>
  </si>
  <si>
    <t>676</t>
  </si>
  <si>
    <t>5131</t>
  </si>
  <si>
    <t>199</t>
  </si>
  <si>
    <t>963</t>
  </si>
  <si>
    <t>15281</t>
  </si>
  <si>
    <t>1414</t>
  </si>
  <si>
    <t>1773</t>
  </si>
  <si>
    <t>533</t>
  </si>
  <si>
    <t>4530</t>
  </si>
  <si>
    <t>5125</t>
  </si>
  <si>
    <t>818</t>
  </si>
  <si>
    <t>13470</t>
  </si>
  <si>
    <t>04/11/2011 12:00:00 AM</t>
  </si>
  <si>
    <t>1560</t>
  </si>
  <si>
    <t>491</t>
  </si>
  <si>
    <t>1670</t>
  </si>
  <si>
    <t>CAMPO DE LA CRUZ</t>
  </si>
  <si>
    <t>117352</t>
  </si>
  <si>
    <t>1373</t>
  </si>
  <si>
    <t>1625</t>
  </si>
  <si>
    <t>2135</t>
  </si>
  <si>
    <t>2953</t>
  </si>
  <si>
    <t>04/12/2011 12:00:00 AM</t>
  </si>
  <si>
    <t>29658</t>
  </si>
  <si>
    <t>2137</t>
  </si>
  <si>
    <t>5960</t>
  </si>
  <si>
    <t>15322</t>
  </si>
  <si>
    <t>PAIPA</t>
  </si>
  <si>
    <t>2499</t>
  </si>
  <si>
    <t>121634</t>
  </si>
  <si>
    <t>3446</t>
  </si>
  <si>
    <t>208735</t>
  </si>
  <si>
    <t>1374</t>
  </si>
  <si>
    <t>4895</t>
  </si>
  <si>
    <t>04/13/2011 12:00:00 AM</t>
  </si>
  <si>
    <t>1758</t>
  </si>
  <si>
    <t>18620</t>
  </si>
  <si>
    <t>56448</t>
  </si>
  <si>
    <t>HATILLO DE LOBA</t>
  </si>
  <si>
    <t>651</t>
  </si>
  <si>
    <t>4002</t>
  </si>
  <si>
    <t>1180</t>
  </si>
  <si>
    <t>6700</t>
  </si>
  <si>
    <t>3750000</t>
  </si>
  <si>
    <t>722</t>
  </si>
  <si>
    <t>2098</t>
  </si>
  <si>
    <t>9610</t>
  </si>
  <si>
    <t>650000</t>
  </si>
  <si>
    <t>POTOSÍ</t>
  </si>
  <si>
    <t>2603</t>
  </si>
  <si>
    <t>1637</t>
  </si>
  <si>
    <t>762170</t>
  </si>
  <si>
    <t>2234</t>
  </si>
  <si>
    <t>900000</t>
  </si>
  <si>
    <t>04/14/2011 12:00:00 AM</t>
  </si>
  <si>
    <t>786</t>
  </si>
  <si>
    <t>8465</t>
  </si>
  <si>
    <t>22544</t>
  </si>
  <si>
    <t>37587</t>
  </si>
  <si>
    <t>823</t>
  </si>
  <si>
    <t>2786</t>
  </si>
  <si>
    <t>TIBACUY</t>
  </si>
  <si>
    <t>6262</t>
  </si>
  <si>
    <t>209000</t>
  </si>
  <si>
    <t>1359</t>
  </si>
  <si>
    <t>2094</t>
  </si>
  <si>
    <t>906</t>
  </si>
  <si>
    <t>1056</t>
  </si>
  <si>
    <t>2334</t>
  </si>
  <si>
    <t>66350</t>
  </si>
  <si>
    <t>390200</t>
  </si>
  <si>
    <t>04/15/2011 12:00:00 AM</t>
  </si>
  <si>
    <t>6270</t>
  </si>
  <si>
    <t>1984</t>
  </si>
  <si>
    <t>1239</t>
  </si>
  <si>
    <t>RECETOR</t>
  </si>
  <si>
    <t>1840</t>
  </si>
  <si>
    <t>44500</t>
  </si>
  <si>
    <t>2990</t>
  </si>
  <si>
    <t>1601</t>
  </si>
  <si>
    <t>606</t>
  </si>
  <si>
    <t>122000</t>
  </si>
  <si>
    <t>821</t>
  </si>
  <si>
    <t>250000</t>
  </si>
  <si>
    <t>100020</t>
  </si>
  <si>
    <t>04/16/2011 12:00:00 AM</t>
  </si>
  <si>
    <t>1367</t>
  </si>
  <si>
    <t>210048</t>
  </si>
  <si>
    <t>SAN JACINTO</t>
  </si>
  <si>
    <t>NORCASIA</t>
  </si>
  <si>
    <t>4172</t>
  </si>
  <si>
    <t>3985</t>
  </si>
  <si>
    <t>444</t>
  </si>
  <si>
    <t>1394</t>
  </si>
  <si>
    <t>04/17/2011 12:00:00 AM</t>
  </si>
  <si>
    <t>1836</t>
  </si>
  <si>
    <t>1370</t>
  </si>
  <si>
    <t>512720</t>
  </si>
  <si>
    <t>2835</t>
  </si>
  <si>
    <t>BARRANCA DE UPÍA</t>
  </si>
  <si>
    <t>522</t>
  </si>
  <si>
    <t>04/18/2011 12:00:00 AM</t>
  </si>
  <si>
    <t>3325</t>
  </si>
  <si>
    <t>3884000</t>
  </si>
  <si>
    <t>MORELIA</t>
  </si>
  <si>
    <t>19094</t>
  </si>
  <si>
    <t>13355</t>
  </si>
  <si>
    <t>375800</t>
  </si>
  <si>
    <t>63000</t>
  </si>
  <si>
    <t>3145</t>
  </si>
  <si>
    <t>463</t>
  </si>
  <si>
    <t>712</t>
  </si>
  <si>
    <t>120020</t>
  </si>
  <si>
    <t>04/19/2011 12:00:00 AM</t>
  </si>
  <si>
    <t>1005</t>
  </si>
  <si>
    <t>SAN PELAYO</t>
  </si>
  <si>
    <t>8809</t>
  </si>
  <si>
    <t>2494</t>
  </si>
  <si>
    <t>64000</t>
  </si>
  <si>
    <t>COELLO</t>
  </si>
  <si>
    <t>569</t>
  </si>
  <si>
    <t>490000</t>
  </si>
  <si>
    <t>11090</t>
  </si>
  <si>
    <t>04/20/2011 12:00:00 AM</t>
  </si>
  <si>
    <t>9215</t>
  </si>
  <si>
    <t>8050</t>
  </si>
  <si>
    <t>1573</t>
  </si>
  <si>
    <t>1445</t>
  </si>
  <si>
    <t>1492</t>
  </si>
  <si>
    <t>1204</t>
  </si>
  <si>
    <t>510000</t>
  </si>
  <si>
    <t>61900</t>
  </si>
  <si>
    <t>2578</t>
  </si>
  <si>
    <t>FRENTE CENTRO COMERCIAL</t>
  </si>
  <si>
    <t>869</t>
  </si>
  <si>
    <t>11478</t>
  </si>
  <si>
    <t>166000</t>
  </si>
  <si>
    <t>04/21/2011 12:00:00 AM</t>
  </si>
  <si>
    <t>5240</t>
  </si>
  <si>
    <t>394</t>
  </si>
  <si>
    <t>1205</t>
  </si>
  <si>
    <t>752</t>
  </si>
  <si>
    <t>4100</t>
  </si>
  <si>
    <t>CHAMEZA</t>
  </si>
  <si>
    <t>1365</t>
  </si>
  <si>
    <t>785</t>
  </si>
  <si>
    <t>CONSULTORIOS  ODONTOLOGICOS</t>
  </si>
  <si>
    <t>04/22/2011 12:00:00 AM</t>
  </si>
  <si>
    <t>20564</t>
  </si>
  <si>
    <t>3063</t>
  </si>
  <si>
    <t>902</t>
  </si>
  <si>
    <t>1925</t>
  </si>
  <si>
    <t>2351</t>
  </si>
  <si>
    <t>2746</t>
  </si>
  <si>
    <t>CENTRO TURÍSTICO</t>
  </si>
  <si>
    <t>GALERAS</t>
  </si>
  <si>
    <t>04/23/2011 12:00:00 AM</t>
  </si>
  <si>
    <t>3088</t>
  </si>
  <si>
    <t>3804</t>
  </si>
  <si>
    <t>CASAS DE APUESTAS</t>
  </si>
  <si>
    <t>996</t>
  </si>
  <si>
    <t>2142</t>
  </si>
  <si>
    <t>ASTREA</t>
  </si>
  <si>
    <t>3515</t>
  </si>
  <si>
    <t>3039</t>
  </si>
  <si>
    <t>2973</t>
  </si>
  <si>
    <t>6628</t>
  </si>
  <si>
    <t>1042</t>
  </si>
  <si>
    <t>3729</t>
  </si>
  <si>
    <t>3132</t>
  </si>
  <si>
    <t>04/24/2011 12:00:00 AM</t>
  </si>
  <si>
    <t>LABORATORIO DE HEROINA</t>
  </si>
  <si>
    <t>588</t>
  </si>
  <si>
    <t>99281</t>
  </si>
  <si>
    <t>10328</t>
  </si>
  <si>
    <t>951</t>
  </si>
  <si>
    <t>04/25/2011 12:00:00 AM</t>
  </si>
  <si>
    <t>3035</t>
  </si>
  <si>
    <t>2501</t>
  </si>
  <si>
    <t>16125</t>
  </si>
  <si>
    <t>VELODROMO</t>
  </si>
  <si>
    <t>04/26/2011 12:00:00 AM</t>
  </si>
  <si>
    <t>657</t>
  </si>
  <si>
    <t>2885</t>
  </si>
  <si>
    <t>28500</t>
  </si>
  <si>
    <t>762</t>
  </si>
  <si>
    <t>1810</t>
  </si>
  <si>
    <t>39225</t>
  </si>
  <si>
    <t>15200</t>
  </si>
  <si>
    <t>10100</t>
  </si>
  <si>
    <t>3499</t>
  </si>
  <si>
    <t>3064</t>
  </si>
  <si>
    <t>1323</t>
  </si>
  <si>
    <t>2058</t>
  </si>
  <si>
    <t>1552000</t>
  </si>
  <si>
    <t>756</t>
  </si>
  <si>
    <t>827</t>
  </si>
  <si>
    <t>04/27/2011 12:00:00 AM</t>
  </si>
  <si>
    <t>2909</t>
  </si>
  <si>
    <t>2585</t>
  </si>
  <si>
    <t>637</t>
  </si>
  <si>
    <t>940</t>
  </si>
  <si>
    <t>3666</t>
  </si>
  <si>
    <t>1556</t>
  </si>
  <si>
    <t>3117</t>
  </si>
  <si>
    <t>PRADO</t>
  </si>
  <si>
    <t>1354</t>
  </si>
  <si>
    <t>1116</t>
  </si>
  <si>
    <t>3500000</t>
  </si>
  <si>
    <t>04/28/2011 12:00:00 AM</t>
  </si>
  <si>
    <t>SECTOR INDUSTRIA</t>
  </si>
  <si>
    <t>733</t>
  </si>
  <si>
    <t>40680</t>
  </si>
  <si>
    <t>838</t>
  </si>
  <si>
    <t>13764</t>
  </si>
  <si>
    <t>3796</t>
  </si>
  <si>
    <t>11355</t>
  </si>
  <si>
    <t>1891</t>
  </si>
  <si>
    <t>1705000</t>
  </si>
  <si>
    <t>545000</t>
  </si>
  <si>
    <t>2826</t>
  </si>
  <si>
    <t>631</t>
  </si>
  <si>
    <t>04/29/2011 12:00:00 AM</t>
  </si>
  <si>
    <t>817</t>
  </si>
  <si>
    <t>1931</t>
  </si>
  <si>
    <t>714200</t>
  </si>
  <si>
    <t>PUEBLO BELLO</t>
  </si>
  <si>
    <t>5103</t>
  </si>
  <si>
    <t>2511</t>
  </si>
  <si>
    <t>450000</t>
  </si>
  <si>
    <t>7254</t>
  </si>
  <si>
    <t>VILLARRICA</t>
  </si>
  <si>
    <t>171044</t>
  </si>
  <si>
    <t>04/30/2011 12:00:00 AM</t>
  </si>
  <si>
    <t>2915</t>
  </si>
  <si>
    <t>558</t>
  </si>
  <si>
    <t>4256</t>
  </si>
  <si>
    <t>2015</t>
  </si>
  <si>
    <t>527000</t>
  </si>
  <si>
    <t>2975</t>
  </si>
  <si>
    <t>152300</t>
  </si>
  <si>
    <t>3201</t>
  </si>
  <si>
    <t>NUEVA GRANADA</t>
  </si>
  <si>
    <t>93280</t>
  </si>
  <si>
    <t>7590</t>
  </si>
  <si>
    <t>1484</t>
  </si>
  <si>
    <t>1117</t>
  </si>
  <si>
    <t>3648</t>
  </si>
  <si>
    <t>1622</t>
  </si>
  <si>
    <t>1011</t>
  </si>
  <si>
    <t>679</t>
  </si>
  <si>
    <t>05/01/2011 12:00:00 AM</t>
  </si>
  <si>
    <t>1504</t>
  </si>
  <si>
    <t>554200</t>
  </si>
  <si>
    <t>3440</t>
  </si>
  <si>
    <t>350000</t>
  </si>
  <si>
    <t>05/02/2011 12:00:00 AM</t>
  </si>
  <si>
    <t>2680</t>
  </si>
  <si>
    <t>630</t>
  </si>
  <si>
    <t>303600</t>
  </si>
  <si>
    <t>3109</t>
  </si>
  <si>
    <t>3396</t>
  </si>
  <si>
    <t>26271</t>
  </si>
  <si>
    <t>779</t>
  </si>
  <si>
    <t>05/03/2011 12:00:00 AM</t>
  </si>
  <si>
    <t>498</t>
  </si>
  <si>
    <t>214735</t>
  </si>
  <si>
    <t>SUÁREZ</t>
  </si>
  <si>
    <t>113520</t>
  </si>
  <si>
    <t>587</t>
  </si>
  <si>
    <t>4336</t>
  </si>
  <si>
    <t>1134</t>
  </si>
  <si>
    <t>9759</t>
  </si>
  <si>
    <t>2775</t>
  </si>
  <si>
    <t>COLOSO</t>
  </si>
  <si>
    <t>191000</t>
  </si>
  <si>
    <t>8030</t>
  </si>
  <si>
    <t>05/04/2011 12:00:00 AM</t>
  </si>
  <si>
    <t>1360</t>
  </si>
  <si>
    <t>1169</t>
  </si>
  <si>
    <t>7347</t>
  </si>
  <si>
    <t>SOLANO</t>
  </si>
  <si>
    <t>1684</t>
  </si>
  <si>
    <t>3881</t>
  </si>
  <si>
    <t>672</t>
  </si>
  <si>
    <t>1004</t>
  </si>
  <si>
    <t>05/05/2011 12:00:00 AM</t>
  </si>
  <si>
    <t>2573</t>
  </si>
  <si>
    <t>4156</t>
  </si>
  <si>
    <t>1139</t>
  </si>
  <si>
    <t>1335</t>
  </si>
  <si>
    <t>408000</t>
  </si>
  <si>
    <t>956</t>
  </si>
  <si>
    <t>1076</t>
  </si>
  <si>
    <t>4151</t>
  </si>
  <si>
    <t>SUBACHOQUE</t>
  </si>
  <si>
    <t>1797</t>
  </si>
  <si>
    <t>LOURDES</t>
  </si>
  <si>
    <t>CASA DE LENOCINIO</t>
  </si>
  <si>
    <t>1140</t>
  </si>
  <si>
    <t>CHALÁN</t>
  </si>
  <si>
    <t>20044</t>
  </si>
  <si>
    <t>2147</t>
  </si>
  <si>
    <t>8115</t>
  </si>
  <si>
    <t>05/06/2011 12:00:00 AM</t>
  </si>
  <si>
    <t>110000</t>
  </si>
  <si>
    <t>2481</t>
  </si>
  <si>
    <t>418</t>
  </si>
  <si>
    <t>2477</t>
  </si>
  <si>
    <t>950000</t>
  </si>
  <si>
    <t>4028</t>
  </si>
  <si>
    <t>63770</t>
  </si>
  <si>
    <t>PULÍ</t>
  </si>
  <si>
    <t>4170</t>
  </si>
  <si>
    <t>917</t>
  </si>
  <si>
    <t>1826</t>
  </si>
  <si>
    <t>322</t>
  </si>
  <si>
    <t>6285</t>
  </si>
  <si>
    <t>32020</t>
  </si>
  <si>
    <t>1575</t>
  </si>
  <si>
    <t>28553</t>
  </si>
  <si>
    <t>05/07/2011 12:00:00 AM</t>
  </si>
  <si>
    <t>923</t>
  </si>
  <si>
    <t>2569</t>
  </si>
  <si>
    <t>10190</t>
  </si>
  <si>
    <t>BOAVITA</t>
  </si>
  <si>
    <t>2198</t>
  </si>
  <si>
    <t>257000</t>
  </si>
  <si>
    <t>726</t>
  </si>
  <si>
    <t>24950</t>
  </si>
  <si>
    <t>4771</t>
  </si>
  <si>
    <t>975</t>
  </si>
  <si>
    <t>3129</t>
  </si>
  <si>
    <t>3029000</t>
  </si>
  <si>
    <t>05/08/2011 12:00:00 AM</t>
  </si>
  <si>
    <t>729</t>
  </si>
  <si>
    <t>1668</t>
  </si>
  <si>
    <t>13258</t>
  </si>
  <si>
    <t>ALBANIA</t>
  </si>
  <si>
    <t>20702</t>
  </si>
  <si>
    <t>1728</t>
  </si>
  <si>
    <t>2030</t>
  </si>
  <si>
    <t>1480</t>
  </si>
  <si>
    <t>CARCASÍ</t>
  </si>
  <si>
    <t>GUACA</t>
  </si>
  <si>
    <t>SAN MIGUEL</t>
  </si>
  <si>
    <t>2035</t>
  </si>
  <si>
    <t>05/09/2011 12:00:00 AM</t>
  </si>
  <si>
    <t>VENTAQUEMADA</t>
  </si>
  <si>
    <t>595100</t>
  </si>
  <si>
    <t>2979</t>
  </si>
  <si>
    <t>AUDITORIOS</t>
  </si>
  <si>
    <t>88982</t>
  </si>
  <si>
    <t>911</t>
  </si>
  <si>
    <t>2202</t>
  </si>
  <si>
    <t>LABATECA</t>
  </si>
  <si>
    <t>GÜEPSA</t>
  </si>
  <si>
    <t>32000</t>
  </si>
  <si>
    <t>791</t>
  </si>
  <si>
    <t>05/10/2011 12:00:00 AM</t>
  </si>
  <si>
    <t>44149</t>
  </si>
  <si>
    <t>795</t>
  </si>
  <si>
    <t>2190</t>
  </si>
  <si>
    <t>1765</t>
  </si>
  <si>
    <t>4008</t>
  </si>
  <si>
    <t>870000</t>
  </si>
  <si>
    <t>120450</t>
  </si>
  <si>
    <t>25243</t>
  </si>
  <si>
    <t>664</t>
  </si>
  <si>
    <t>2631</t>
  </si>
  <si>
    <t>05/11/2011 12:00:00 AM</t>
  </si>
  <si>
    <t>178530</t>
  </si>
  <si>
    <t>CACHIPAY</t>
  </si>
  <si>
    <t>12017</t>
  </si>
  <si>
    <t>72890</t>
  </si>
  <si>
    <t>21700</t>
  </si>
  <si>
    <t>3273</t>
  </si>
  <si>
    <t>1264</t>
  </si>
  <si>
    <t>2155</t>
  </si>
  <si>
    <t>05/12/2011 12:00:00 AM</t>
  </si>
  <si>
    <t>15580</t>
  </si>
  <si>
    <t>2537</t>
  </si>
  <si>
    <t>1866</t>
  </si>
  <si>
    <t>1111</t>
  </si>
  <si>
    <t>2843</t>
  </si>
  <si>
    <t>218000</t>
  </si>
  <si>
    <t>480000</t>
  </si>
  <si>
    <t>8471</t>
  </si>
  <si>
    <t>3445</t>
  </si>
  <si>
    <t>1108</t>
  </si>
  <si>
    <t>3513793</t>
  </si>
  <si>
    <t>05/13/2011 12:00:00 AM</t>
  </si>
  <si>
    <t>2495</t>
  </si>
  <si>
    <t>1557</t>
  </si>
  <si>
    <t>915</t>
  </si>
  <si>
    <t>165000</t>
  </si>
  <si>
    <t>1919</t>
  </si>
  <si>
    <t>34041</t>
  </si>
  <si>
    <t>1496</t>
  </si>
  <si>
    <t>1452</t>
  </si>
  <si>
    <t>05/14/2011 12:00:00 AM</t>
  </si>
  <si>
    <t>935</t>
  </si>
  <si>
    <t>808</t>
  </si>
  <si>
    <t>2002500</t>
  </si>
  <si>
    <t>696</t>
  </si>
  <si>
    <t>1422</t>
  </si>
  <si>
    <t>10976</t>
  </si>
  <si>
    <t>683</t>
  </si>
  <si>
    <t>738</t>
  </si>
  <si>
    <t>72494</t>
  </si>
  <si>
    <t>539</t>
  </si>
  <si>
    <t>1371</t>
  </si>
  <si>
    <t>SANTA ISABEL</t>
  </si>
  <si>
    <t>05/15/2011 12:00:00 AM</t>
  </si>
  <si>
    <t>8100</t>
  </si>
  <si>
    <t>GÜICÁN</t>
  </si>
  <si>
    <t>297550</t>
  </si>
  <si>
    <t>790</t>
  </si>
  <si>
    <t>2433</t>
  </si>
  <si>
    <t>803</t>
  </si>
  <si>
    <t>1437000</t>
  </si>
  <si>
    <t>3291</t>
  </si>
  <si>
    <t>641</t>
  </si>
  <si>
    <t>TAUSA</t>
  </si>
  <si>
    <t>TIMANÁ</t>
  </si>
  <si>
    <t>90975</t>
  </si>
  <si>
    <t>58250</t>
  </si>
  <si>
    <t>05/16/2011 12:00:00 AM</t>
  </si>
  <si>
    <t>31207</t>
  </si>
  <si>
    <t>2072</t>
  </si>
  <si>
    <t>BELTRÁN</t>
  </si>
  <si>
    <t>INSTALACIONES DE FUERZA AREA</t>
  </si>
  <si>
    <t>3581</t>
  </si>
  <si>
    <t>10659</t>
  </si>
  <si>
    <t>05/17/2011 12:00:00 AM</t>
  </si>
  <si>
    <t>PONEDERA</t>
  </si>
  <si>
    <t>5115</t>
  </si>
  <si>
    <t>131131</t>
  </si>
  <si>
    <t>1157</t>
  </si>
  <si>
    <t>476</t>
  </si>
  <si>
    <t>1875</t>
  </si>
  <si>
    <t>05/18/2011 12:00:00 AM</t>
  </si>
  <si>
    <t>2395</t>
  </si>
  <si>
    <t>MONTECRISTO</t>
  </si>
  <si>
    <t>19476</t>
  </si>
  <si>
    <t>1197</t>
  </si>
  <si>
    <t>1820</t>
  </si>
  <si>
    <t>TRANSPORTE ESCOLAR</t>
  </si>
  <si>
    <t>4595</t>
  </si>
  <si>
    <t>936000</t>
  </si>
  <si>
    <t>62350</t>
  </si>
  <si>
    <t>789</t>
  </si>
  <si>
    <t>SALDAÑA</t>
  </si>
  <si>
    <t>1158</t>
  </si>
  <si>
    <t>486</t>
  </si>
  <si>
    <t>05/19/2011 12:00:00 AM</t>
  </si>
  <si>
    <t>389029</t>
  </si>
  <si>
    <t>10600</t>
  </si>
  <si>
    <t>2097</t>
  </si>
  <si>
    <t>ACHÍ</t>
  </si>
  <si>
    <t>80230</t>
  </si>
  <si>
    <t>2397</t>
  </si>
  <si>
    <t>55608</t>
  </si>
  <si>
    <t>32077</t>
  </si>
  <si>
    <t>26554</t>
  </si>
  <si>
    <t>SILOS</t>
  </si>
  <si>
    <t>748</t>
  </si>
  <si>
    <t>2170</t>
  </si>
  <si>
    <t>721</t>
  </si>
  <si>
    <t>2200000</t>
  </si>
  <si>
    <t>05/20/2011 12:00:00 AM</t>
  </si>
  <si>
    <t>3576</t>
  </si>
  <si>
    <t>7976</t>
  </si>
  <si>
    <t>43280</t>
  </si>
  <si>
    <t>1950</t>
  </si>
  <si>
    <t>2052</t>
  </si>
  <si>
    <t>9968</t>
  </si>
  <si>
    <t>DISTRACCIÓN</t>
  </si>
  <si>
    <t>1195</t>
  </si>
  <si>
    <t>19450</t>
  </si>
  <si>
    <t>INSTALACIONES DE ARMADA NACIONAL</t>
  </si>
  <si>
    <t>10180</t>
  </si>
  <si>
    <t>1078</t>
  </si>
  <si>
    <t>05/21/2011 12:00:00 AM</t>
  </si>
  <si>
    <t>1325</t>
  </si>
  <si>
    <t>28704</t>
  </si>
  <si>
    <t>794</t>
  </si>
  <si>
    <t>1814</t>
  </si>
  <si>
    <t>27415</t>
  </si>
  <si>
    <t>13025</t>
  </si>
  <si>
    <t>2285</t>
  </si>
  <si>
    <t>MIAMI</t>
  </si>
  <si>
    <t>6200</t>
  </si>
  <si>
    <t>SURATÁ</t>
  </si>
  <si>
    <t>PALOCABILDO</t>
  </si>
  <si>
    <t>3252</t>
  </si>
  <si>
    <t>05/22/2011 12:00:00 AM</t>
  </si>
  <si>
    <t>353</t>
  </si>
  <si>
    <t>2479</t>
  </si>
  <si>
    <t>1168</t>
  </si>
  <si>
    <t>2812</t>
  </si>
  <si>
    <t>UNGUÍA</t>
  </si>
  <si>
    <t>2828</t>
  </si>
  <si>
    <t>3048</t>
  </si>
  <si>
    <t>CONSULTORIOS JURIDICOS</t>
  </si>
  <si>
    <t>995</t>
  </si>
  <si>
    <t>MAR</t>
  </si>
  <si>
    <t>53172</t>
  </si>
  <si>
    <t>ENCINO</t>
  </si>
  <si>
    <t>05/23/2011 12:00:00 AM</t>
  </si>
  <si>
    <t>1025</t>
  </si>
  <si>
    <t>1570</t>
  </si>
  <si>
    <t>2898</t>
  </si>
  <si>
    <t>ISNOS</t>
  </si>
  <si>
    <t>42000</t>
  </si>
  <si>
    <t>2352</t>
  </si>
  <si>
    <t>1598</t>
  </si>
  <si>
    <t>1309</t>
  </si>
  <si>
    <t>874</t>
  </si>
  <si>
    <t>126000</t>
  </si>
  <si>
    <t>05/24/2011 12:00:00 AM</t>
  </si>
  <si>
    <t>2033</t>
  </si>
  <si>
    <t>CURILLO</t>
  </si>
  <si>
    <t>5401</t>
  </si>
  <si>
    <t>55197</t>
  </si>
  <si>
    <t>262000</t>
  </si>
  <si>
    <t>2167</t>
  </si>
  <si>
    <t>310000</t>
  </si>
  <si>
    <t>2050000</t>
  </si>
  <si>
    <t>1786</t>
  </si>
  <si>
    <t>3934</t>
  </si>
  <si>
    <t>1284</t>
  </si>
  <si>
    <t>1064</t>
  </si>
  <si>
    <t>55736</t>
  </si>
  <si>
    <t>4160</t>
  </si>
  <si>
    <t>05/25/2011 12:00:00 AM</t>
  </si>
  <si>
    <t>2067</t>
  </si>
  <si>
    <t>57784</t>
  </si>
  <si>
    <t>208000</t>
  </si>
  <si>
    <t>INZÁ</t>
  </si>
  <si>
    <t>4900</t>
  </si>
  <si>
    <t>809705</t>
  </si>
  <si>
    <t>48132</t>
  </si>
  <si>
    <t>11393</t>
  </si>
  <si>
    <t>FLORIÁN</t>
  </si>
  <si>
    <t>7850</t>
  </si>
  <si>
    <t>751</t>
  </si>
  <si>
    <t>2051</t>
  </si>
  <si>
    <t>4322</t>
  </si>
  <si>
    <t>05/26/2011 12:00:00 AM</t>
  </si>
  <si>
    <t>20270</t>
  </si>
  <si>
    <t>1385</t>
  </si>
  <si>
    <t>1970</t>
  </si>
  <si>
    <t>14365</t>
  </si>
  <si>
    <t>743</t>
  </si>
  <si>
    <t>6590000</t>
  </si>
  <si>
    <t>10999</t>
  </si>
  <si>
    <t>17500</t>
  </si>
  <si>
    <t>406000</t>
  </si>
  <si>
    <t>05/27/2011 12:00:00 AM</t>
  </si>
  <si>
    <t>595</t>
  </si>
  <si>
    <t>16345</t>
  </si>
  <si>
    <t>SANTA LUCÍA</t>
  </si>
  <si>
    <t>2923</t>
  </si>
  <si>
    <t>3974</t>
  </si>
  <si>
    <t>26503</t>
  </si>
  <si>
    <t>3413</t>
  </si>
  <si>
    <t>1523</t>
  </si>
  <si>
    <t>19808</t>
  </si>
  <si>
    <t>557</t>
  </si>
  <si>
    <t>1862</t>
  </si>
  <si>
    <t>277326</t>
  </si>
  <si>
    <t>05/28/2011 12:00:00 AM</t>
  </si>
  <si>
    <t>1640</t>
  </si>
  <si>
    <t>661</t>
  </si>
  <si>
    <t>63740</t>
  </si>
  <si>
    <t>691</t>
  </si>
  <si>
    <t>TERMINAL MARITIMA</t>
  </si>
  <si>
    <t>5044</t>
  </si>
  <si>
    <t>990</t>
  </si>
  <si>
    <t>1037</t>
  </si>
  <si>
    <t>547</t>
  </si>
  <si>
    <t>5345</t>
  </si>
  <si>
    <t>946</t>
  </si>
  <si>
    <t>200068</t>
  </si>
  <si>
    <t>61000</t>
  </si>
  <si>
    <t>409</t>
  </si>
  <si>
    <t>47000</t>
  </si>
  <si>
    <t>05/29/2011 12:00:00 AM</t>
  </si>
  <si>
    <t>796</t>
  </si>
  <si>
    <t>05/30/2011 12:00:00 AM</t>
  </si>
  <si>
    <t>628</t>
  </si>
  <si>
    <t>7010</t>
  </si>
  <si>
    <t>05/31/2011 12:00:00 AM</t>
  </si>
  <si>
    <t>4692</t>
  </si>
  <si>
    <t>759</t>
  </si>
  <si>
    <t>3203</t>
  </si>
  <si>
    <t>1107</t>
  </si>
  <si>
    <t>5260</t>
  </si>
  <si>
    <t>CUNDAY</t>
  </si>
  <si>
    <t>298</t>
  </si>
  <si>
    <t>742</t>
  </si>
  <si>
    <t>06/01/2011 12:00:00 AM</t>
  </si>
  <si>
    <t>2212</t>
  </si>
  <si>
    <t>5118</t>
  </si>
  <si>
    <t>HATONUEVO</t>
  </si>
  <si>
    <t>3581000</t>
  </si>
  <si>
    <t>3573</t>
  </si>
  <si>
    <t>LANDÁZURI</t>
  </si>
  <si>
    <t>06/02/2011 12:00:00 AM</t>
  </si>
  <si>
    <t>POLONUEVO</t>
  </si>
  <si>
    <t>2480</t>
  </si>
  <si>
    <t>2343</t>
  </si>
  <si>
    <t>1503</t>
  </si>
  <si>
    <t>225000</t>
  </si>
  <si>
    <t>3218</t>
  </si>
  <si>
    <t>1238</t>
  </si>
  <si>
    <t>4053</t>
  </si>
  <si>
    <t>06/03/2011 12:00:00 AM</t>
  </si>
  <si>
    <t>681</t>
  </si>
  <si>
    <t>416000</t>
  </si>
  <si>
    <t>5400</t>
  </si>
  <si>
    <t>24545</t>
  </si>
  <si>
    <t>516</t>
  </si>
  <si>
    <t>1755</t>
  </si>
  <si>
    <t>3687</t>
  </si>
  <si>
    <t>TOPAIPÍ</t>
  </si>
  <si>
    <t>53600</t>
  </si>
  <si>
    <t>8555</t>
  </si>
  <si>
    <t>2318</t>
  </si>
  <si>
    <t>1314</t>
  </si>
  <si>
    <t>06/04/2011 12:00:00 AM</t>
  </si>
  <si>
    <t>974</t>
  </si>
  <si>
    <t>EL GUAMO</t>
  </si>
  <si>
    <t>1245</t>
  </si>
  <si>
    <t>14000000</t>
  </si>
  <si>
    <t>3816</t>
  </si>
  <si>
    <t>14850</t>
  </si>
  <si>
    <t>73000</t>
  </si>
  <si>
    <t>06/05/2011 12:00:00 AM</t>
  </si>
  <si>
    <t>441</t>
  </si>
  <si>
    <t>4800</t>
  </si>
  <si>
    <t>JURADÓ</t>
  </si>
  <si>
    <t>1923</t>
  </si>
  <si>
    <t>70450</t>
  </si>
  <si>
    <t>1358</t>
  </si>
  <si>
    <t>954</t>
  </si>
  <si>
    <t>1805</t>
  </si>
  <si>
    <t>15620</t>
  </si>
  <si>
    <t>06/06/2011 12:00:00 AM</t>
  </si>
  <si>
    <t>2238</t>
  </si>
  <si>
    <t>494000</t>
  </si>
  <si>
    <t>1031</t>
  </si>
  <si>
    <t>11673</t>
  </si>
  <si>
    <t>1572</t>
  </si>
  <si>
    <t>330000</t>
  </si>
  <si>
    <t>3081</t>
  </si>
  <si>
    <t>176540</t>
  </si>
  <si>
    <t>06/07/2011 12:00:00 AM</t>
  </si>
  <si>
    <t>2124</t>
  </si>
  <si>
    <t>753</t>
  </si>
  <si>
    <t>06/08/2011 12:00:00 AM</t>
  </si>
  <si>
    <t>160000</t>
  </si>
  <si>
    <t>2081</t>
  </si>
  <si>
    <t>1009</t>
  </si>
  <si>
    <t>1571</t>
  </si>
  <si>
    <t>129527</t>
  </si>
  <si>
    <t>5096</t>
  </si>
  <si>
    <t>59095</t>
  </si>
  <si>
    <t>169000</t>
  </si>
  <si>
    <t>115762</t>
  </si>
  <si>
    <t>215500</t>
  </si>
  <si>
    <t>7642</t>
  </si>
  <si>
    <t>06/09/2011 12:00:00 AM</t>
  </si>
  <si>
    <t>233750</t>
  </si>
  <si>
    <t>1019</t>
  </si>
  <si>
    <t>1735</t>
  </si>
  <si>
    <t>13400</t>
  </si>
  <si>
    <t>1291</t>
  </si>
  <si>
    <t>4706</t>
  </si>
  <si>
    <t>29246</t>
  </si>
  <si>
    <t>2810</t>
  </si>
  <si>
    <t>5760</t>
  </si>
  <si>
    <t>2874</t>
  </si>
  <si>
    <t>96600</t>
  </si>
  <si>
    <t>5750</t>
  </si>
  <si>
    <t>06/10/2011 12:00:00 AM</t>
  </si>
  <si>
    <t>26300</t>
  </si>
  <si>
    <t>MONTALLANTAS</t>
  </si>
  <si>
    <t>LA UVITA</t>
  </si>
  <si>
    <t>179244</t>
  </si>
  <si>
    <t>1236</t>
  </si>
  <si>
    <t>6548</t>
  </si>
  <si>
    <t>854000</t>
  </si>
  <si>
    <t>21160</t>
  </si>
  <si>
    <t>2020</t>
  </si>
  <si>
    <t>8554</t>
  </si>
  <si>
    <t>584</t>
  </si>
  <si>
    <t>1028</t>
  </si>
  <si>
    <t>3028</t>
  </si>
  <si>
    <t>2355</t>
  </si>
  <si>
    <t>06/11/2011 12:00:00 AM</t>
  </si>
  <si>
    <t>34176</t>
  </si>
  <si>
    <t>35498</t>
  </si>
  <si>
    <t>GUATEQUE</t>
  </si>
  <si>
    <t>1132</t>
  </si>
  <si>
    <t>2808</t>
  </si>
  <si>
    <t>SUTATAUSA</t>
  </si>
  <si>
    <t>GUALMATÁN</t>
  </si>
  <si>
    <t>261400</t>
  </si>
  <si>
    <t>1329</t>
  </si>
  <si>
    <t>1543000</t>
  </si>
  <si>
    <t>06/12/2011 12:00:00 AM</t>
  </si>
  <si>
    <t>8987</t>
  </si>
  <si>
    <t>21500</t>
  </si>
  <si>
    <t>1121</t>
  </si>
  <si>
    <t>529</t>
  </si>
  <si>
    <t>26350</t>
  </si>
  <si>
    <t>123000</t>
  </si>
  <si>
    <t>5165</t>
  </si>
  <si>
    <t>2146</t>
  </si>
  <si>
    <t>06/13/2011 12:00:00 AM</t>
  </si>
  <si>
    <t>5192</t>
  </si>
  <si>
    <t>20150</t>
  </si>
  <si>
    <t>MOMIL</t>
  </si>
  <si>
    <t>639</t>
  </si>
  <si>
    <t>2140</t>
  </si>
  <si>
    <t>6375</t>
  </si>
  <si>
    <t>406</t>
  </si>
  <si>
    <t>06/14/2011 12:00:00 AM</t>
  </si>
  <si>
    <t>1048</t>
  </si>
  <si>
    <t>853</t>
  </si>
  <si>
    <t>2469</t>
  </si>
  <si>
    <t>668</t>
  </si>
  <si>
    <t>10700</t>
  </si>
  <si>
    <t>30140</t>
  </si>
  <si>
    <t>991</t>
  </si>
  <si>
    <t>16230</t>
  </si>
  <si>
    <t>06/15/2011 12:00:00 AM</t>
  </si>
  <si>
    <t>4095</t>
  </si>
  <si>
    <t>ISLA</t>
  </si>
  <si>
    <t>1460</t>
  </si>
  <si>
    <t>9545</t>
  </si>
  <si>
    <t>06/16/2011 12:00:00 AM</t>
  </si>
  <si>
    <t>3340</t>
  </si>
  <si>
    <t>518</t>
  </si>
  <si>
    <t>1216</t>
  </si>
  <si>
    <t>5964</t>
  </si>
  <si>
    <t>6540</t>
  </si>
  <si>
    <t>2550</t>
  </si>
  <si>
    <t>3220</t>
  </si>
  <si>
    <t>CERRITO</t>
  </si>
  <si>
    <t>4424</t>
  </si>
  <si>
    <t>1935</t>
  </si>
  <si>
    <t>06/17/2011 12:00:00 AM</t>
  </si>
  <si>
    <t>3206</t>
  </si>
  <si>
    <t>988</t>
  </si>
  <si>
    <t>4216</t>
  </si>
  <si>
    <t>1376</t>
  </si>
  <si>
    <t>441163</t>
  </si>
  <si>
    <t>4102</t>
  </si>
  <si>
    <t>06/18/2011 12:00:00 AM</t>
  </si>
  <si>
    <t>968</t>
  </si>
  <si>
    <t>SALON JUEGO DIVERSION</t>
  </si>
  <si>
    <t>3494</t>
  </si>
  <si>
    <t>127066</t>
  </si>
  <si>
    <t>2933</t>
  </si>
  <si>
    <t>27100</t>
  </si>
  <si>
    <t>3906</t>
  </si>
  <si>
    <t>2541</t>
  </si>
  <si>
    <t>793</t>
  </si>
  <si>
    <t>2489</t>
  </si>
  <si>
    <t>6330</t>
  </si>
  <si>
    <t>353000</t>
  </si>
  <si>
    <t>06/19/2011 12:00:00 AM</t>
  </si>
  <si>
    <t>908000</t>
  </si>
  <si>
    <t>1695</t>
  </si>
  <si>
    <t>16100</t>
  </si>
  <si>
    <t>1495</t>
  </si>
  <si>
    <t>06/20/2011 12:00:00 AM</t>
  </si>
  <si>
    <t>237000</t>
  </si>
  <si>
    <t>1497</t>
  </si>
  <si>
    <t>AGRADO</t>
  </si>
  <si>
    <t>1159</t>
  </si>
  <si>
    <t>12443</t>
  </si>
  <si>
    <t>4328</t>
  </si>
  <si>
    <t>06/21/2011 12:00:00 AM</t>
  </si>
  <si>
    <t>46752</t>
  </si>
  <si>
    <t>905</t>
  </si>
  <si>
    <t>47650</t>
  </si>
  <si>
    <t>59576</t>
  </si>
  <si>
    <t>549600</t>
  </si>
  <si>
    <t>43460</t>
  </si>
  <si>
    <t>06/22/2011 12:00:00 AM</t>
  </si>
  <si>
    <t>2690</t>
  </si>
  <si>
    <t>22205</t>
  </si>
  <si>
    <t>964</t>
  </si>
  <si>
    <t>1286800</t>
  </si>
  <si>
    <t>4252</t>
  </si>
  <si>
    <t>4193</t>
  </si>
  <si>
    <t>1246</t>
  </si>
  <si>
    <t>2600</t>
  </si>
  <si>
    <t>06/23/2011 12:00:00 AM</t>
  </si>
  <si>
    <t>132000</t>
  </si>
  <si>
    <t>1980</t>
  </si>
  <si>
    <t>175284</t>
  </si>
  <si>
    <t>4803</t>
  </si>
  <si>
    <t>SALAZAR</t>
  </si>
  <si>
    <t>593</t>
  </si>
  <si>
    <t>370000</t>
  </si>
  <si>
    <t>1789</t>
  </si>
  <si>
    <t>4194</t>
  </si>
  <si>
    <t>06/24/2011 12:00:00 AM</t>
  </si>
  <si>
    <t>329</t>
  </si>
  <si>
    <t>3426</t>
  </si>
  <si>
    <t>3205</t>
  </si>
  <si>
    <t>22030</t>
  </si>
  <si>
    <t>9675</t>
  </si>
  <si>
    <t>967</t>
  </si>
  <si>
    <t>1512</t>
  </si>
  <si>
    <t>14236</t>
  </si>
  <si>
    <t>06/25/2011 12:00:00 AM</t>
  </si>
  <si>
    <t>2100</t>
  </si>
  <si>
    <t>440000</t>
  </si>
  <si>
    <t>1254860</t>
  </si>
  <si>
    <t>424</t>
  </si>
  <si>
    <t>6427</t>
  </si>
  <si>
    <t>60036</t>
  </si>
  <si>
    <t>20317</t>
  </si>
  <si>
    <t>18473</t>
  </si>
  <si>
    <t>06/26/2011 12:00:00 AM</t>
  </si>
  <si>
    <t>591</t>
  </si>
  <si>
    <t>924088</t>
  </si>
  <si>
    <t>1456</t>
  </si>
  <si>
    <t>6018</t>
  </si>
  <si>
    <t>2404</t>
  </si>
  <si>
    <t>621300</t>
  </si>
  <si>
    <t>324600</t>
  </si>
  <si>
    <t>1741</t>
  </si>
  <si>
    <t>3394</t>
  </si>
  <si>
    <t>82420</t>
  </si>
  <si>
    <t>06/27/2011 12:00:00 AM</t>
  </si>
  <si>
    <t>2410</t>
  </si>
  <si>
    <t>4827</t>
  </si>
  <si>
    <t>2834</t>
  </si>
  <si>
    <t>1616</t>
  </si>
  <si>
    <t>06/28/2011 12:00:00 AM</t>
  </si>
  <si>
    <t>815</t>
  </si>
  <si>
    <t>1921</t>
  </si>
  <si>
    <t>4750</t>
  </si>
  <si>
    <t>419</t>
  </si>
  <si>
    <t>6858</t>
  </si>
  <si>
    <t>10428</t>
  </si>
  <si>
    <t>06/29/2011 12:00:00 AM</t>
  </si>
  <si>
    <t>2177</t>
  </si>
  <si>
    <t>736</t>
  </si>
  <si>
    <t>2932</t>
  </si>
  <si>
    <t>RIOBLANCO</t>
  </si>
  <si>
    <t>1294</t>
  </si>
  <si>
    <t>06/30/2011 12:00:00 AM</t>
  </si>
  <si>
    <t>1357</t>
  </si>
  <si>
    <t>PURACÉ</t>
  </si>
  <si>
    <t>5925</t>
  </si>
  <si>
    <t>1732</t>
  </si>
  <si>
    <t>1232</t>
  </si>
  <si>
    <t>1255</t>
  </si>
  <si>
    <t>30800</t>
  </si>
  <si>
    <t>07/01/2011 12:00:00 AM</t>
  </si>
  <si>
    <t>40435</t>
  </si>
  <si>
    <t>1941</t>
  </si>
  <si>
    <t>1324</t>
  </si>
  <si>
    <t>22620</t>
  </si>
  <si>
    <t>978</t>
  </si>
  <si>
    <t>SAN JOSÉ DE PARE</t>
  </si>
  <si>
    <t>NUQUÍ</t>
  </si>
  <si>
    <t>708</t>
  </si>
  <si>
    <t>2418</t>
  </si>
  <si>
    <t>68008</t>
  </si>
  <si>
    <t>SUAITA</t>
  </si>
  <si>
    <t>1073</t>
  </si>
  <si>
    <t>07/02/2011 12:00:00 AM</t>
  </si>
  <si>
    <t>10189</t>
  </si>
  <si>
    <t>19070</t>
  </si>
  <si>
    <t>GONZÁLEZ</t>
  </si>
  <si>
    <t>1692</t>
  </si>
  <si>
    <t>1920</t>
  </si>
  <si>
    <t>7849</t>
  </si>
  <si>
    <t>48600</t>
  </si>
  <si>
    <t>07/03/2011 12:00:00 AM</t>
  </si>
  <si>
    <t>399</t>
  </si>
  <si>
    <t>PAJARITO</t>
  </si>
  <si>
    <t>1282</t>
  </si>
  <si>
    <t>432</t>
  </si>
  <si>
    <t>820000</t>
  </si>
  <si>
    <t>07/04/2011 12:00:00 AM</t>
  </si>
  <si>
    <t>67728</t>
  </si>
  <si>
    <t>998</t>
  </si>
  <si>
    <t>3001</t>
  </si>
  <si>
    <t>SALON COMUNAL</t>
  </si>
  <si>
    <t>1869</t>
  </si>
  <si>
    <t>07/05/2011 12:00:00 AM</t>
  </si>
  <si>
    <t>1646</t>
  </si>
  <si>
    <t>925</t>
  </si>
  <si>
    <t>1627</t>
  </si>
  <si>
    <t>944</t>
  </si>
  <si>
    <t>1564</t>
  </si>
  <si>
    <t>4571</t>
  </si>
  <si>
    <t>31800</t>
  </si>
  <si>
    <t>LA PRIMAVERA</t>
  </si>
  <si>
    <t>07/06/2011 12:00:00 AM</t>
  </si>
  <si>
    <t>APARTAMENTO EN CONJUNTO CERRADO</t>
  </si>
  <si>
    <t>BAHIA</t>
  </si>
  <si>
    <t>49099</t>
  </si>
  <si>
    <t>13802</t>
  </si>
  <si>
    <t>10230</t>
  </si>
  <si>
    <t>12805</t>
  </si>
  <si>
    <t>07/07/2011 12:00:00 AM</t>
  </si>
  <si>
    <t>6255</t>
  </si>
  <si>
    <t>1285</t>
  </si>
  <si>
    <t>45680</t>
  </si>
  <si>
    <t>1771</t>
  </si>
  <si>
    <t>3484</t>
  </si>
  <si>
    <t>50800</t>
  </si>
  <si>
    <t>2977</t>
  </si>
  <si>
    <t>298000</t>
  </si>
  <si>
    <t>07/08/2011 12:00:00 AM</t>
  </si>
  <si>
    <t>3994</t>
  </si>
  <si>
    <t>40285</t>
  </si>
  <si>
    <t>3536</t>
  </si>
  <si>
    <t>100300</t>
  </si>
  <si>
    <t>1420</t>
  </si>
  <si>
    <t>773</t>
  </si>
  <si>
    <t>148700</t>
  </si>
  <si>
    <t>25026</t>
  </si>
  <si>
    <t>12148</t>
  </si>
  <si>
    <t>673</t>
  </si>
  <si>
    <t>1907</t>
  </si>
  <si>
    <t>685</t>
  </si>
  <si>
    <t>8225</t>
  </si>
  <si>
    <t>07/09/2011 12:00:00 AM</t>
  </si>
  <si>
    <t>1774</t>
  </si>
  <si>
    <t>1680</t>
  </si>
  <si>
    <t>4501</t>
  </si>
  <si>
    <t>38021</t>
  </si>
  <si>
    <t>958</t>
  </si>
  <si>
    <t>9345</t>
  </si>
  <si>
    <t>32170</t>
  </si>
  <si>
    <t>07/10/2011 12:00:00 AM</t>
  </si>
  <si>
    <t>3606</t>
  </si>
  <si>
    <t>1226</t>
  </si>
  <si>
    <t>497</t>
  </si>
  <si>
    <t>TOCA</t>
  </si>
  <si>
    <t>2349</t>
  </si>
  <si>
    <t>CUCUNUBÁ</t>
  </si>
  <si>
    <t>1863</t>
  </si>
  <si>
    <t>1421</t>
  </si>
  <si>
    <t>18250</t>
  </si>
  <si>
    <t>201522</t>
  </si>
  <si>
    <t>07/11/2011 12:00:00 AM</t>
  </si>
  <si>
    <t>20142</t>
  </si>
  <si>
    <t>3120</t>
  </si>
  <si>
    <t>1318</t>
  </si>
  <si>
    <t>07/12/2011 12:00:00 AM</t>
  </si>
  <si>
    <t>1677</t>
  </si>
  <si>
    <t>10093</t>
  </si>
  <si>
    <t>7741</t>
  </si>
  <si>
    <t>NEMOCÓN</t>
  </si>
  <si>
    <t>23345</t>
  </si>
  <si>
    <t>133000</t>
  </si>
  <si>
    <t>1966</t>
  </si>
  <si>
    <t>1310</t>
  </si>
  <si>
    <t>3028171</t>
  </si>
  <si>
    <t>2095</t>
  </si>
  <si>
    <t>07/13/2011 12:00:00 AM</t>
  </si>
  <si>
    <t>120000</t>
  </si>
  <si>
    <t>16858</t>
  </si>
  <si>
    <t>1638</t>
  </si>
  <si>
    <t>1058</t>
  </si>
  <si>
    <t>13586</t>
  </si>
  <si>
    <t>2649</t>
  </si>
  <si>
    <t>532</t>
  </si>
  <si>
    <t>14907</t>
  </si>
  <si>
    <t>3485</t>
  </si>
  <si>
    <t>1968</t>
  </si>
  <si>
    <t>93000</t>
  </si>
  <si>
    <t>07/14/2011 12:00:00 AM</t>
  </si>
  <si>
    <t>3036</t>
  </si>
  <si>
    <t>2995</t>
  </si>
  <si>
    <t>20239</t>
  </si>
  <si>
    <t>CICUCO</t>
  </si>
  <si>
    <t>1096</t>
  </si>
  <si>
    <t>174800</t>
  </si>
  <si>
    <t>3491</t>
  </si>
  <si>
    <t>897</t>
  </si>
  <si>
    <t>6277</t>
  </si>
  <si>
    <t>7450</t>
  </si>
  <si>
    <t>07/15/2011 12:00:00 AM</t>
  </si>
  <si>
    <t>106920</t>
  </si>
  <si>
    <t>21000</t>
  </si>
  <si>
    <t>3604</t>
  </si>
  <si>
    <t>17803</t>
  </si>
  <si>
    <t>192000</t>
  </si>
  <si>
    <t>2436</t>
  </si>
  <si>
    <t>7700</t>
  </si>
  <si>
    <t>1877</t>
  </si>
  <si>
    <t>337000</t>
  </si>
  <si>
    <t>320015</t>
  </si>
  <si>
    <t>07/16/2011 12:00:00 AM</t>
  </si>
  <si>
    <t>1834</t>
  </si>
  <si>
    <t>20661</t>
  </si>
  <si>
    <t>LA CAPILLA</t>
  </si>
  <si>
    <t>1543</t>
  </si>
  <si>
    <t>877</t>
  </si>
  <si>
    <t>3972</t>
  </si>
  <si>
    <t>1273</t>
  </si>
  <si>
    <t>7074</t>
  </si>
  <si>
    <t>3720</t>
  </si>
  <si>
    <t>60035</t>
  </si>
  <si>
    <t>07/17/2011 12:00:00 AM</t>
  </si>
  <si>
    <t>942</t>
  </si>
  <si>
    <t>ALTO BAUDÓ</t>
  </si>
  <si>
    <t>1109</t>
  </si>
  <si>
    <t>133280</t>
  </si>
  <si>
    <t>1266</t>
  </si>
  <si>
    <t>07/18/2011 12:00:00 AM</t>
  </si>
  <si>
    <t>1145</t>
  </si>
  <si>
    <t>180180</t>
  </si>
  <si>
    <t>29700</t>
  </si>
  <si>
    <t>604</t>
  </si>
  <si>
    <t>508560</t>
  </si>
  <si>
    <t>14030</t>
  </si>
  <si>
    <t>757</t>
  </si>
  <si>
    <t>2315</t>
  </si>
  <si>
    <t>124430</t>
  </si>
  <si>
    <t>07/19/2011 12:00:00 AM</t>
  </si>
  <si>
    <t>993</t>
  </si>
  <si>
    <t>28800</t>
  </si>
  <si>
    <t>2086</t>
  </si>
  <si>
    <t>832</t>
  </si>
  <si>
    <t>994</t>
  </si>
  <si>
    <t>972</t>
  </si>
  <si>
    <t>1241</t>
  </si>
  <si>
    <t>07/20/2011 12:00:00 AM</t>
  </si>
  <si>
    <t>PURÍSIMA</t>
  </si>
  <si>
    <t>1387</t>
  </si>
  <si>
    <t>875</t>
  </si>
  <si>
    <t>80622</t>
  </si>
  <si>
    <t>545102</t>
  </si>
  <si>
    <t>250459</t>
  </si>
  <si>
    <t>4520</t>
  </si>
  <si>
    <t>52254</t>
  </si>
  <si>
    <t>72000</t>
  </si>
  <si>
    <t>07/21/2011 12:00:00 AM</t>
  </si>
  <si>
    <t>7035</t>
  </si>
  <si>
    <t>36696</t>
  </si>
  <si>
    <t>8520</t>
  </si>
  <si>
    <t>3257</t>
  </si>
  <si>
    <t>1263230</t>
  </si>
  <si>
    <t>1413</t>
  </si>
  <si>
    <t>15944</t>
  </si>
  <si>
    <t>3299</t>
  </si>
  <si>
    <t>07/22/2011 12:00:00 AM</t>
  </si>
  <si>
    <t>3249</t>
  </si>
  <si>
    <t>2252</t>
  </si>
  <si>
    <t>3700</t>
  </si>
  <si>
    <t>3144</t>
  </si>
  <si>
    <t>6975</t>
  </si>
  <si>
    <t>442</t>
  </si>
  <si>
    <t>3219</t>
  </si>
  <si>
    <t>62000</t>
  </si>
  <si>
    <t>552600</t>
  </si>
  <si>
    <t>RIVERAS</t>
  </si>
  <si>
    <t>1870</t>
  </si>
  <si>
    <t>12643</t>
  </si>
  <si>
    <t>349</t>
  </si>
  <si>
    <t>4127</t>
  </si>
  <si>
    <t>18201</t>
  </si>
  <si>
    <t>1242</t>
  </si>
  <si>
    <t>50015</t>
  </si>
  <si>
    <t>07/23/2011 12:00:00 AM</t>
  </si>
  <si>
    <t>1660</t>
  </si>
  <si>
    <t>3380</t>
  </si>
  <si>
    <t>6903</t>
  </si>
  <si>
    <t>1548</t>
  </si>
  <si>
    <t>1228</t>
  </si>
  <si>
    <t>281424</t>
  </si>
  <si>
    <t>387000</t>
  </si>
  <si>
    <t>230000</t>
  </si>
  <si>
    <t>07/24/2011 12:00:00 AM</t>
  </si>
  <si>
    <t>3194</t>
  </si>
  <si>
    <t>933</t>
  </si>
  <si>
    <t>6669</t>
  </si>
  <si>
    <t>1253</t>
  </si>
  <si>
    <t>07/25/2011 12:00:00 AM</t>
  </si>
  <si>
    <t>864</t>
  </si>
  <si>
    <t>TESALIA</t>
  </si>
  <si>
    <t>2570</t>
  </si>
  <si>
    <t>520000</t>
  </si>
  <si>
    <t>11444</t>
  </si>
  <si>
    <t>07/26/2011 12:00:00 AM</t>
  </si>
  <si>
    <t>2176</t>
  </si>
  <si>
    <t>1287</t>
  </si>
  <si>
    <t>CRAVO NORTE</t>
  </si>
  <si>
    <t>662</t>
  </si>
  <si>
    <t>2998</t>
  </si>
  <si>
    <t>433600</t>
  </si>
  <si>
    <t>884</t>
  </si>
  <si>
    <t>18337</t>
  </si>
  <si>
    <t>12263</t>
  </si>
  <si>
    <t>1597</t>
  </si>
  <si>
    <t>07/27/2011 12:00:00 AM</t>
  </si>
  <si>
    <t>20100</t>
  </si>
  <si>
    <t>671</t>
  </si>
  <si>
    <t>8155</t>
  </si>
  <si>
    <t>811</t>
  </si>
  <si>
    <t>394000</t>
  </si>
  <si>
    <t>07/28/2011 12:00:00 AM</t>
  </si>
  <si>
    <t>19575</t>
  </si>
  <si>
    <t>6560</t>
  </si>
  <si>
    <t>326100</t>
  </si>
  <si>
    <t>7414</t>
  </si>
  <si>
    <t>934</t>
  </si>
  <si>
    <t>07/29/2011 12:00:00 AM</t>
  </si>
  <si>
    <t>4793</t>
  </si>
  <si>
    <t>3855</t>
  </si>
  <si>
    <t>47300</t>
  </si>
  <si>
    <t>3360</t>
  </si>
  <si>
    <t>07/30/2011 12:00:00 AM</t>
  </si>
  <si>
    <t>21415</t>
  </si>
  <si>
    <t>114000</t>
  </si>
  <si>
    <t>PAICOL</t>
  </si>
  <si>
    <t>2253</t>
  </si>
  <si>
    <t>1528</t>
  </si>
  <si>
    <t>97812</t>
  </si>
  <si>
    <t>07/31/2011 12:00:00 AM</t>
  </si>
  <si>
    <t>9300</t>
  </si>
  <si>
    <t>929</t>
  </si>
  <si>
    <t>649180</t>
  </si>
  <si>
    <t>711</t>
  </si>
  <si>
    <t>08/01/2011 12:00:00 AM</t>
  </si>
  <si>
    <t>SABOYÁ</t>
  </si>
  <si>
    <t>3611</t>
  </si>
  <si>
    <t>1305950</t>
  </si>
  <si>
    <t>326750</t>
  </si>
  <si>
    <t>2498</t>
  </si>
  <si>
    <t>134750</t>
  </si>
  <si>
    <t>8600</t>
  </si>
  <si>
    <t>HERRÁN</t>
  </si>
  <si>
    <t>44244</t>
  </si>
  <si>
    <t>08/02/2011 12:00:00 AM</t>
  </si>
  <si>
    <t>1697</t>
  </si>
  <si>
    <t>1412</t>
  </si>
  <si>
    <t>2278</t>
  </si>
  <si>
    <t>8196</t>
  </si>
  <si>
    <t>3839</t>
  </si>
  <si>
    <t>114880</t>
  </si>
  <si>
    <t>59510</t>
  </si>
  <si>
    <t>08/03/2011 12:00:00 AM</t>
  </si>
  <si>
    <t>5245</t>
  </si>
  <si>
    <t>1730</t>
  </si>
  <si>
    <t>15093</t>
  </si>
  <si>
    <t>1426020</t>
  </si>
  <si>
    <t>1654</t>
  </si>
  <si>
    <t>3003</t>
  </si>
  <si>
    <t>616520</t>
  </si>
  <si>
    <t>2242</t>
  </si>
  <si>
    <t>30463</t>
  </si>
  <si>
    <t>2288</t>
  </si>
  <si>
    <t>14970</t>
  </si>
  <si>
    <t>08/04/2011 12:00:00 AM</t>
  </si>
  <si>
    <t>2022</t>
  </si>
  <si>
    <t>TALLERES LATONERIA</t>
  </si>
  <si>
    <t>2104</t>
  </si>
  <si>
    <t>1537</t>
  </si>
  <si>
    <t>3714</t>
  </si>
  <si>
    <t>1918</t>
  </si>
  <si>
    <t>3293</t>
  </si>
  <si>
    <t>08/05/2011 12:00:00 AM</t>
  </si>
  <si>
    <t>4071</t>
  </si>
  <si>
    <t>25762</t>
  </si>
  <si>
    <t>2182</t>
  </si>
  <si>
    <t>5672</t>
  </si>
  <si>
    <t>10370</t>
  </si>
  <si>
    <t>386000</t>
  </si>
  <si>
    <t>2373</t>
  </si>
  <si>
    <t>428</t>
  </si>
  <si>
    <t>89260</t>
  </si>
  <si>
    <t>535000</t>
  </si>
  <si>
    <t>3362</t>
  </si>
  <si>
    <t>1223</t>
  </si>
  <si>
    <t>794990</t>
  </si>
  <si>
    <t>08/06/2011 12:00:00 AM</t>
  </si>
  <si>
    <t>2841</t>
  </si>
  <si>
    <t>573</t>
  </si>
  <si>
    <t>9343</t>
  </si>
  <si>
    <t>11466</t>
  </si>
  <si>
    <t>1101</t>
  </si>
  <si>
    <t>188908</t>
  </si>
  <si>
    <t>1209</t>
  </si>
  <si>
    <t>08/07/2011 12:00:00 AM</t>
  </si>
  <si>
    <t>2017</t>
  </si>
  <si>
    <t>1220</t>
  </si>
  <si>
    <t>BARRANCO DE LOBA</t>
  </si>
  <si>
    <t>SAN CRISTÓBAL</t>
  </si>
  <si>
    <t>3502</t>
  </si>
  <si>
    <t>3478</t>
  </si>
  <si>
    <t>1189</t>
  </si>
  <si>
    <t>801</t>
  </si>
  <si>
    <t>2299</t>
  </si>
  <si>
    <t>08/08/2011 12:00:00 AM</t>
  </si>
  <si>
    <t>644900</t>
  </si>
  <si>
    <t>1657</t>
  </si>
  <si>
    <t>12965</t>
  </si>
  <si>
    <t>CHIBOLO</t>
  </si>
  <si>
    <t>729000</t>
  </si>
  <si>
    <t>200669</t>
  </si>
  <si>
    <t>08/09/2011 12:00:00 AM</t>
  </si>
  <si>
    <t>4097</t>
  </si>
  <si>
    <t>1590</t>
  </si>
  <si>
    <t>ALTOS DEL ROSARIO</t>
  </si>
  <si>
    <t>CHITA</t>
  </si>
  <si>
    <t>2340</t>
  </si>
  <si>
    <t>CASINOS</t>
  </si>
  <si>
    <t>2510</t>
  </si>
  <si>
    <t>75900</t>
  </si>
  <si>
    <t>51936</t>
  </si>
  <si>
    <t>08/10/2011 12:00:00 AM</t>
  </si>
  <si>
    <t>7200</t>
  </si>
  <si>
    <t>2605</t>
  </si>
  <si>
    <t>549</t>
  </si>
  <si>
    <t>1688</t>
  </si>
  <si>
    <t>271457</t>
  </si>
  <si>
    <t>1471</t>
  </si>
  <si>
    <t>703</t>
  </si>
  <si>
    <t>23707</t>
  </si>
  <si>
    <t>19550</t>
  </si>
  <si>
    <t>08/11/2011 12:00:00 AM</t>
  </si>
  <si>
    <t>2679</t>
  </si>
  <si>
    <t>12860</t>
  </si>
  <si>
    <t>20906</t>
  </si>
  <si>
    <t>52150</t>
  </si>
  <si>
    <t>1799</t>
  </si>
  <si>
    <t>3624</t>
  </si>
  <si>
    <t>2421</t>
  </si>
  <si>
    <t>7950</t>
  </si>
  <si>
    <t>08/12/2011 12:00:00 AM</t>
  </si>
  <si>
    <t>9416</t>
  </si>
  <si>
    <t>5886</t>
  </si>
  <si>
    <t>5427</t>
  </si>
  <si>
    <t>1090</t>
  </si>
  <si>
    <t>814</t>
  </si>
  <si>
    <t>6202</t>
  </si>
  <si>
    <t>11300</t>
  </si>
  <si>
    <t>296</t>
  </si>
  <si>
    <t>3753000</t>
  </si>
  <si>
    <t>2387</t>
  </si>
  <si>
    <t>12216</t>
  </si>
  <si>
    <t>6853</t>
  </si>
  <si>
    <t>1366</t>
  </si>
  <si>
    <t>12110</t>
  </si>
  <si>
    <t>20200</t>
  </si>
  <si>
    <t>87702</t>
  </si>
  <si>
    <t>08/13/2011 12:00:00 AM</t>
  </si>
  <si>
    <t>2157</t>
  </si>
  <si>
    <t>876</t>
  </si>
  <si>
    <t>SAN ESTANISLAO</t>
  </si>
  <si>
    <t>CALDONO</t>
  </si>
  <si>
    <t>9705</t>
  </si>
  <si>
    <t>3060000</t>
  </si>
  <si>
    <t>2289</t>
  </si>
  <si>
    <t>1748</t>
  </si>
  <si>
    <t>4135</t>
  </si>
  <si>
    <t>44000</t>
  </si>
  <si>
    <t>709000</t>
  </si>
  <si>
    <t>32460</t>
  </si>
  <si>
    <t>08/14/2011 12:00:00 AM</t>
  </si>
  <si>
    <t>59000</t>
  </si>
  <si>
    <t>14014</t>
  </si>
  <si>
    <t>43224</t>
  </si>
  <si>
    <t>6225</t>
  </si>
  <si>
    <t>1213</t>
  </si>
  <si>
    <t>120643</t>
  </si>
  <si>
    <t>08/15/2011 12:00:00 AM</t>
  </si>
  <si>
    <t>1327</t>
  </si>
  <si>
    <t>987</t>
  </si>
  <si>
    <t>JENESANO</t>
  </si>
  <si>
    <t>3711</t>
  </si>
  <si>
    <t>1540</t>
  </si>
  <si>
    <t>PISTAS CLANDESTINAS</t>
  </si>
  <si>
    <t>470000</t>
  </si>
  <si>
    <t>5030</t>
  </si>
  <si>
    <t>2248</t>
  </si>
  <si>
    <t>16476</t>
  </si>
  <si>
    <t>EL CARMEN DE CHUCURÍ</t>
  </si>
  <si>
    <t>08/16/2011 12:00:00 AM</t>
  </si>
  <si>
    <t>2877</t>
  </si>
  <si>
    <t>20010</t>
  </si>
  <si>
    <t>59500</t>
  </si>
  <si>
    <t>3920</t>
  </si>
  <si>
    <t>13747</t>
  </si>
  <si>
    <t>2039</t>
  </si>
  <si>
    <t>10150</t>
  </si>
  <si>
    <t>411</t>
  </si>
  <si>
    <t>08/17/2011 12:00:00 AM</t>
  </si>
  <si>
    <t>4300</t>
  </si>
  <si>
    <t>08/18/2011 12:00:00 AM</t>
  </si>
  <si>
    <t>22857</t>
  </si>
  <si>
    <t>238000</t>
  </si>
  <si>
    <t>2009</t>
  </si>
  <si>
    <t>3054</t>
  </si>
  <si>
    <t>SAN JUAN DE ARAMA</t>
  </si>
  <si>
    <t>8140</t>
  </si>
  <si>
    <t>98966</t>
  </si>
  <si>
    <t>5696</t>
  </si>
  <si>
    <t>13230</t>
  </si>
  <si>
    <t>4632</t>
  </si>
  <si>
    <t>30570</t>
  </si>
  <si>
    <t>25320</t>
  </si>
  <si>
    <t>08/19/2011 12:00:00 AM</t>
  </si>
  <si>
    <t>6826</t>
  </si>
  <si>
    <t>3883</t>
  </si>
  <si>
    <t>4470</t>
  </si>
  <si>
    <t>1987</t>
  </si>
  <si>
    <t>3649</t>
  </si>
  <si>
    <t>6583</t>
  </si>
  <si>
    <t>08/20/2011 12:00:00 AM</t>
  </si>
  <si>
    <t>5270</t>
  </si>
  <si>
    <t>32216</t>
  </si>
  <si>
    <t>FRANCISCO PIZARRO</t>
  </si>
  <si>
    <t>2100000</t>
  </si>
  <si>
    <t>2844</t>
  </si>
  <si>
    <t>6575</t>
  </si>
  <si>
    <t>08/21/2011 12:00:00 AM</t>
  </si>
  <si>
    <t>1055</t>
  </si>
  <si>
    <t>634</t>
  </si>
  <si>
    <t>2185</t>
  </si>
  <si>
    <t>TENZA</t>
  </si>
  <si>
    <t>1487</t>
  </si>
  <si>
    <t>12199</t>
  </si>
  <si>
    <t>08/22/2011 12:00:00 AM</t>
  </si>
  <si>
    <t>1235</t>
  </si>
  <si>
    <t>1405</t>
  </si>
  <si>
    <t>474</t>
  </si>
  <si>
    <t>TOTORÓ</t>
  </si>
  <si>
    <t>2618</t>
  </si>
  <si>
    <t>146100</t>
  </si>
  <si>
    <t>LA ARGENTINA</t>
  </si>
  <si>
    <t>3625</t>
  </si>
  <si>
    <t>08/23/2011 12:00:00 AM</t>
  </si>
  <si>
    <t>3115</t>
  </si>
  <si>
    <t>2419</t>
  </si>
  <si>
    <t>80760</t>
  </si>
  <si>
    <t>97380</t>
  </si>
  <si>
    <t>1012</t>
  </si>
  <si>
    <t>2115</t>
  </si>
  <si>
    <t>08/24/2011 12:00:00 AM</t>
  </si>
  <si>
    <t>3728</t>
  </si>
  <si>
    <t>5390</t>
  </si>
  <si>
    <t>37000</t>
  </si>
  <si>
    <t>24891</t>
  </si>
  <si>
    <t>805</t>
  </si>
  <si>
    <t>4740</t>
  </si>
  <si>
    <t>3185</t>
  </si>
  <si>
    <t>2712</t>
  </si>
  <si>
    <t>127130</t>
  </si>
  <si>
    <t>5890</t>
  </si>
  <si>
    <t>08/25/2011 12:00:00 AM</t>
  </si>
  <si>
    <t>7079</t>
  </si>
  <si>
    <t>5397</t>
  </si>
  <si>
    <t>149000</t>
  </si>
  <si>
    <t>812</t>
  </si>
  <si>
    <t>769</t>
  </si>
  <si>
    <t>1986</t>
  </si>
  <si>
    <t>1346</t>
  </si>
  <si>
    <t>08/26/2011 12:00:00 AM</t>
  </si>
  <si>
    <t>101160</t>
  </si>
  <si>
    <t>828</t>
  </si>
  <si>
    <t>2760</t>
  </si>
  <si>
    <t>2688</t>
  </si>
  <si>
    <t>39000</t>
  </si>
  <si>
    <t>2412</t>
  </si>
  <si>
    <t>315500</t>
  </si>
  <si>
    <t>2902</t>
  </si>
  <si>
    <t>215000</t>
  </si>
  <si>
    <t>2209</t>
  </si>
  <si>
    <t>08/27/2011 12:00:00 AM</t>
  </si>
  <si>
    <t>2652</t>
  </si>
  <si>
    <t>1562</t>
  </si>
  <si>
    <t>227000</t>
  </si>
  <si>
    <t>1649</t>
  </si>
  <si>
    <t>23159</t>
  </si>
  <si>
    <t>08/28/2011 12:00:00 AM</t>
  </si>
  <si>
    <t>3020</t>
  </si>
  <si>
    <t>867</t>
  </si>
  <si>
    <t>2322</t>
  </si>
  <si>
    <t>08/29/2011 12:00:00 AM</t>
  </si>
  <si>
    <t>3392</t>
  </si>
  <si>
    <t>11800</t>
  </si>
  <si>
    <t>1258</t>
  </si>
  <si>
    <t>57000</t>
  </si>
  <si>
    <t>41088</t>
  </si>
  <si>
    <t>5736</t>
  </si>
  <si>
    <t>29755</t>
  </si>
  <si>
    <t>08/30/2011 12:00:00 AM</t>
  </si>
  <si>
    <t>3430</t>
  </si>
  <si>
    <t>10210</t>
  </si>
  <si>
    <t>50300</t>
  </si>
  <si>
    <t>4345</t>
  </si>
  <si>
    <t>903350</t>
  </si>
  <si>
    <t>2284</t>
  </si>
  <si>
    <t>2126</t>
  </si>
  <si>
    <t>1344</t>
  </si>
  <si>
    <t>996000</t>
  </si>
  <si>
    <t>08/31/2011 12:00:00 AM</t>
  </si>
  <si>
    <t>5991</t>
  </si>
  <si>
    <t>14089</t>
  </si>
  <si>
    <t>40575</t>
  </si>
  <si>
    <t>2377</t>
  </si>
  <si>
    <t>2131500</t>
  </si>
  <si>
    <t>09/01/2011 12:00:00 AM</t>
  </si>
  <si>
    <t>5089</t>
  </si>
  <si>
    <t>2188</t>
  </si>
  <si>
    <t>3116</t>
  </si>
  <si>
    <t>ARROYOHONDO</t>
  </si>
  <si>
    <t>1071</t>
  </si>
  <si>
    <t>3350</t>
  </si>
  <si>
    <t>3000000</t>
  </si>
  <si>
    <t>1408</t>
  </si>
  <si>
    <t>45435</t>
  </si>
  <si>
    <t>17170</t>
  </si>
  <si>
    <t>16295</t>
  </si>
  <si>
    <t>14007</t>
  </si>
  <si>
    <t>09/02/2011 12:00:00 AM</t>
  </si>
  <si>
    <t>6210</t>
  </si>
  <si>
    <t>7192</t>
  </si>
  <si>
    <t>4631</t>
  </si>
  <si>
    <t>2630</t>
  </si>
  <si>
    <t>OICATÁ</t>
  </si>
  <si>
    <t>1472</t>
  </si>
  <si>
    <t>3391</t>
  </si>
  <si>
    <t>17519</t>
  </si>
  <si>
    <t>51680</t>
  </si>
  <si>
    <t>09/03/2011 12:00:00 AM</t>
  </si>
  <si>
    <t>882</t>
  </si>
  <si>
    <t>1252</t>
  </si>
  <si>
    <t>1409000</t>
  </si>
  <si>
    <t>14800</t>
  </si>
  <si>
    <t>80080</t>
  </si>
  <si>
    <t>20430</t>
  </si>
  <si>
    <t>1300000</t>
  </si>
  <si>
    <t>2918</t>
  </si>
  <si>
    <t>09/04/2011 12:00:00 AM</t>
  </si>
  <si>
    <t>1356</t>
  </si>
  <si>
    <t>1215</t>
  </si>
  <si>
    <t>891</t>
  </si>
  <si>
    <t>1150000</t>
  </si>
  <si>
    <t>09/05/2011 12:00:00 AM</t>
  </si>
  <si>
    <t>11990</t>
  </si>
  <si>
    <t>1777</t>
  </si>
  <si>
    <t>252600</t>
  </si>
  <si>
    <t>20211</t>
  </si>
  <si>
    <t>3765</t>
  </si>
  <si>
    <t>09/06/2011 12:00:00 AM</t>
  </si>
  <si>
    <t>2065</t>
  </si>
  <si>
    <t>1362</t>
  </si>
  <si>
    <t>768</t>
  </si>
  <si>
    <t>14520</t>
  </si>
  <si>
    <t>5653</t>
  </si>
  <si>
    <t>140000</t>
  </si>
  <si>
    <t>3292</t>
  </si>
  <si>
    <t>39700</t>
  </si>
  <si>
    <t>13945</t>
  </si>
  <si>
    <t>2735</t>
  </si>
  <si>
    <t>4529000</t>
  </si>
  <si>
    <t>3675</t>
  </si>
  <si>
    <t>25974</t>
  </si>
  <si>
    <t>1514</t>
  </si>
  <si>
    <t>09/07/2011 12:00:00 AM</t>
  </si>
  <si>
    <t>1882</t>
  </si>
  <si>
    <t>2024</t>
  </si>
  <si>
    <t>12081</t>
  </si>
  <si>
    <t>19819</t>
  </si>
  <si>
    <t>775</t>
  </si>
  <si>
    <t>18718</t>
  </si>
  <si>
    <t>1898</t>
  </si>
  <si>
    <t>09/08/2011 12:00:00 AM</t>
  </si>
  <si>
    <t>7015</t>
  </si>
  <si>
    <t>2165</t>
  </si>
  <si>
    <t>40300</t>
  </si>
  <si>
    <t>2105</t>
  </si>
  <si>
    <t>4980</t>
  </si>
  <si>
    <t>PÁEZ</t>
  </si>
  <si>
    <t>6550</t>
  </si>
  <si>
    <t>PIAMONTE</t>
  </si>
  <si>
    <t>4304</t>
  </si>
  <si>
    <t>115428</t>
  </si>
  <si>
    <t>5410</t>
  </si>
  <si>
    <t>09/09/2011 12:00:00 AM</t>
  </si>
  <si>
    <t>1910</t>
  </si>
  <si>
    <t>386815</t>
  </si>
  <si>
    <t>1083</t>
  </si>
  <si>
    <t>2079</t>
  </si>
  <si>
    <t>191538</t>
  </si>
  <si>
    <t>260000</t>
  </si>
  <si>
    <t>09/10/2011 12:00:00 AM</t>
  </si>
  <si>
    <t>1003000</t>
  </si>
  <si>
    <t>2756</t>
  </si>
  <si>
    <t>09/11/2011 12:00:00 AM</t>
  </si>
  <si>
    <t>1971</t>
  </si>
  <si>
    <t>2266000</t>
  </si>
  <si>
    <t>SIACHOQUE</t>
  </si>
  <si>
    <t>432000</t>
  </si>
  <si>
    <t>79468</t>
  </si>
  <si>
    <t>128344</t>
  </si>
  <si>
    <t>47571</t>
  </si>
  <si>
    <t>09/12/2011 12:00:00 AM</t>
  </si>
  <si>
    <t>3315</t>
  </si>
  <si>
    <t>2290</t>
  </si>
  <si>
    <t>HACARÍ</t>
  </si>
  <si>
    <t>2391</t>
  </si>
  <si>
    <t>485000</t>
  </si>
  <si>
    <t>09/13/2011 12:00:00 AM</t>
  </si>
  <si>
    <t>2562</t>
  </si>
  <si>
    <t>2027</t>
  </si>
  <si>
    <t>3471</t>
  </si>
  <si>
    <t>3933</t>
  </si>
  <si>
    <t>2697</t>
  </si>
  <si>
    <t>40821</t>
  </si>
  <si>
    <t>CHITAGÁ</t>
  </si>
  <si>
    <t>2423</t>
  </si>
  <si>
    <t>1061</t>
  </si>
  <si>
    <t>09/14/2011 12:00:00 AM</t>
  </si>
  <si>
    <t>1603</t>
  </si>
  <si>
    <t>8658</t>
  </si>
  <si>
    <t>4012</t>
  </si>
  <si>
    <t>30250</t>
  </si>
  <si>
    <t>3008</t>
  </si>
  <si>
    <t>2863</t>
  </si>
  <si>
    <t>3250000</t>
  </si>
  <si>
    <t>7020</t>
  </si>
  <si>
    <t>09/15/2011 12:00:00 AM</t>
  </si>
  <si>
    <t>110050</t>
  </si>
  <si>
    <t>1339</t>
  </si>
  <si>
    <t>1182</t>
  </si>
  <si>
    <t>2634000</t>
  </si>
  <si>
    <t>3776</t>
  </si>
  <si>
    <t>1014</t>
  </si>
  <si>
    <t>8848</t>
  </si>
  <si>
    <t>09/16/2011 12:00:00 AM</t>
  </si>
  <si>
    <t>2650</t>
  </si>
  <si>
    <t>1932</t>
  </si>
  <si>
    <t>PAEZ</t>
  </si>
  <si>
    <t>670000</t>
  </si>
  <si>
    <t>3597</t>
  </si>
  <si>
    <t>895000</t>
  </si>
  <si>
    <t>09/17/2011 12:00:00 AM</t>
  </si>
  <si>
    <t>4207</t>
  </si>
  <si>
    <t>883</t>
  </si>
  <si>
    <t>25270</t>
  </si>
  <si>
    <t>1959</t>
  </si>
  <si>
    <t>2061</t>
  </si>
  <si>
    <t>19712</t>
  </si>
  <si>
    <t>1802</t>
  </si>
  <si>
    <t>10006</t>
  </si>
  <si>
    <t>4080</t>
  </si>
  <si>
    <t>12195</t>
  </si>
  <si>
    <t>4220</t>
  </si>
  <si>
    <t>51435</t>
  </si>
  <si>
    <t>09/18/2011 12:00:00 AM</t>
  </si>
  <si>
    <t>18870</t>
  </si>
  <si>
    <t>2717</t>
  </si>
  <si>
    <t>8440</t>
  </si>
  <si>
    <t>09/19/2011 12:00:00 AM</t>
  </si>
  <si>
    <t>63980</t>
  </si>
  <si>
    <t>3024</t>
  </si>
  <si>
    <t>4956</t>
  </si>
  <si>
    <t>8760</t>
  </si>
  <si>
    <t>09/20/2011 12:00:00 AM</t>
  </si>
  <si>
    <t>FORTUL</t>
  </si>
  <si>
    <t>1550</t>
  </si>
  <si>
    <t>2818</t>
  </si>
  <si>
    <t>4106</t>
  </si>
  <si>
    <t>20368</t>
  </si>
  <si>
    <t>09/21/2011 12:00:00 AM</t>
  </si>
  <si>
    <t>168000</t>
  </si>
  <si>
    <t>1655</t>
  </si>
  <si>
    <t>17060</t>
  </si>
  <si>
    <t>4045</t>
  </si>
  <si>
    <t>3535</t>
  </si>
  <si>
    <t>54500</t>
  </si>
  <si>
    <t>3980</t>
  </si>
  <si>
    <t>66477</t>
  </si>
  <si>
    <t>09/22/2011 12:00:00 AM</t>
  </si>
  <si>
    <t>32578</t>
  </si>
  <si>
    <t>6506</t>
  </si>
  <si>
    <t>69462</t>
  </si>
  <si>
    <t>CHIPATÁ</t>
  </si>
  <si>
    <t>520806</t>
  </si>
  <si>
    <t>27005</t>
  </si>
  <si>
    <t>09/23/2011 12:00:00 AM</t>
  </si>
  <si>
    <t>5525</t>
  </si>
  <si>
    <t>98120</t>
  </si>
  <si>
    <t>3470</t>
  </si>
  <si>
    <t>2930</t>
  </si>
  <si>
    <t>1027</t>
  </si>
  <si>
    <t>14762</t>
  </si>
  <si>
    <t>HOGAR DE PASO</t>
  </si>
  <si>
    <t>22735</t>
  </si>
  <si>
    <t>10608</t>
  </si>
  <si>
    <t>4381</t>
  </si>
  <si>
    <t>2610</t>
  </si>
  <si>
    <t>21205</t>
  </si>
  <si>
    <t>363</t>
  </si>
  <si>
    <t>37400</t>
  </si>
  <si>
    <t>09/24/2011 12:00:00 AM</t>
  </si>
  <si>
    <t>913</t>
  </si>
  <si>
    <t>3770</t>
  </si>
  <si>
    <t>98150</t>
  </si>
  <si>
    <t>243000</t>
  </si>
  <si>
    <t>1251</t>
  </si>
  <si>
    <t>2321</t>
  </si>
  <si>
    <t>2103</t>
  </si>
  <si>
    <t>863</t>
  </si>
  <si>
    <t>09/25/2011 12:00:00 AM</t>
  </si>
  <si>
    <t>25919</t>
  </si>
  <si>
    <t>1431</t>
  </si>
  <si>
    <t>16898</t>
  </si>
  <si>
    <t>9408</t>
  </si>
  <si>
    <t>643</t>
  </si>
  <si>
    <t>11822</t>
  </si>
  <si>
    <t>09/26/2011 12:00:00 AM</t>
  </si>
  <si>
    <t>2590</t>
  </si>
  <si>
    <t>21400</t>
  </si>
  <si>
    <t>2375</t>
  </si>
  <si>
    <t>2943</t>
  </si>
  <si>
    <t>09/27/2011 12:00:00 AM</t>
  </si>
  <si>
    <t>30900</t>
  </si>
  <si>
    <t>1623</t>
  </si>
  <si>
    <t>2016</t>
  </si>
  <si>
    <t>4035</t>
  </si>
  <si>
    <t>23559</t>
  </si>
  <si>
    <t>3170</t>
  </si>
  <si>
    <t>09/28/2011 12:00:00 AM</t>
  </si>
  <si>
    <t>1382</t>
  </si>
  <si>
    <t>2475</t>
  </si>
  <si>
    <t>4744</t>
  </si>
  <si>
    <t>1793</t>
  </si>
  <si>
    <t>09/29/2011 12:00:00 AM</t>
  </si>
  <si>
    <t>17925</t>
  </si>
  <si>
    <t>2430</t>
  </si>
  <si>
    <t>26500</t>
  </si>
  <si>
    <t>ANOLAIMA</t>
  </si>
  <si>
    <t>4702</t>
  </si>
  <si>
    <t>89000</t>
  </si>
  <si>
    <t>09/30/2011 12:00:00 AM</t>
  </si>
  <si>
    <t>4269</t>
  </si>
  <si>
    <t>610000</t>
  </si>
  <si>
    <t>292000</t>
  </si>
  <si>
    <t>2045</t>
  </si>
  <si>
    <t>2591</t>
  </si>
  <si>
    <t>202000</t>
  </si>
  <si>
    <t>175000</t>
  </si>
  <si>
    <t>10/01/2011 12:00:00 AM</t>
  </si>
  <si>
    <t>10/02/2011 12:00:00 AM</t>
  </si>
  <si>
    <t>1247</t>
  </si>
  <si>
    <t>3822</t>
  </si>
  <si>
    <t>23481</t>
  </si>
  <si>
    <t>50310</t>
  </si>
  <si>
    <t>2940</t>
  </si>
  <si>
    <t>2880</t>
  </si>
  <si>
    <t>3178</t>
  </si>
  <si>
    <t>2695</t>
  </si>
  <si>
    <t>4020</t>
  </si>
  <si>
    <t>8098</t>
  </si>
  <si>
    <t>3375</t>
  </si>
  <si>
    <t>2113</t>
  </si>
  <si>
    <t>3414</t>
  </si>
  <si>
    <t>68000</t>
  </si>
  <si>
    <t>10/03/2011 12:00:00 AM</t>
  </si>
  <si>
    <t>242000</t>
  </si>
  <si>
    <t>5150</t>
  </si>
  <si>
    <t>6722</t>
  </si>
  <si>
    <t>4640</t>
  </si>
  <si>
    <t>6120</t>
  </si>
  <si>
    <t>609487</t>
  </si>
  <si>
    <t>GRANEROS</t>
  </si>
  <si>
    <t>167000</t>
  </si>
  <si>
    <t>3917</t>
  </si>
  <si>
    <t>10/04/2011 12:00:00 AM</t>
  </si>
  <si>
    <t>2813</t>
  </si>
  <si>
    <t>1458</t>
  </si>
  <si>
    <t>4285</t>
  </si>
  <si>
    <t>2503</t>
  </si>
  <si>
    <t>10/05/2011 12:00:00 AM</t>
  </si>
  <si>
    <t>2231</t>
  </si>
  <si>
    <t>2187</t>
  </si>
  <si>
    <t>1068</t>
  </si>
  <si>
    <t>7228</t>
  </si>
  <si>
    <t>2001</t>
  </si>
  <si>
    <t>2692</t>
  </si>
  <si>
    <t>3820</t>
  </si>
  <si>
    <t>39775</t>
  </si>
  <si>
    <t>10/06/2011 12:00:00 AM</t>
  </si>
  <si>
    <t>1547</t>
  </si>
  <si>
    <t>GAMEZA</t>
  </si>
  <si>
    <t>112700</t>
  </si>
  <si>
    <t>1327000</t>
  </si>
  <si>
    <t>4990</t>
  </si>
  <si>
    <t>4187</t>
  </si>
  <si>
    <t>5448</t>
  </si>
  <si>
    <t>18500</t>
  </si>
  <si>
    <t>137000</t>
  </si>
  <si>
    <t>2655</t>
  </si>
  <si>
    <t>24254</t>
  </si>
  <si>
    <t>56250</t>
  </si>
  <si>
    <t>10/07/2011 12:00:00 AM</t>
  </si>
  <si>
    <t>143365</t>
  </si>
  <si>
    <t>1327207</t>
  </si>
  <si>
    <t>2270</t>
  </si>
  <si>
    <t>2431</t>
  </si>
  <si>
    <t>894</t>
  </si>
  <si>
    <t>4490</t>
  </si>
  <si>
    <t>2982390</t>
  </si>
  <si>
    <t>10/08/2011 12:00:00 AM</t>
  </si>
  <si>
    <t>1607</t>
  </si>
  <si>
    <t>9090</t>
  </si>
  <si>
    <t>8510</t>
  </si>
  <si>
    <t>9400</t>
  </si>
  <si>
    <t>UNIÓN PANAMERICANA</t>
  </si>
  <si>
    <t>2755</t>
  </si>
  <si>
    <t>11875</t>
  </si>
  <si>
    <t>10/09/2011 12:00:00 AM</t>
  </si>
  <si>
    <t>341936</t>
  </si>
  <si>
    <t>16325</t>
  </si>
  <si>
    <t>10/10/2011 12:00:00 AM</t>
  </si>
  <si>
    <t>3105</t>
  </si>
  <si>
    <t>6150</t>
  </si>
  <si>
    <t>10/11/2011 12:00:00 AM</t>
  </si>
  <si>
    <t>1148</t>
  </si>
  <si>
    <t>18444</t>
  </si>
  <si>
    <t>2466</t>
  </si>
  <si>
    <t>10/12/2011 12:00:00 AM</t>
  </si>
  <si>
    <t>2312</t>
  </si>
  <si>
    <t>4128</t>
  </si>
  <si>
    <t>17600</t>
  </si>
  <si>
    <t>52368</t>
  </si>
  <si>
    <t>CARURU</t>
  </si>
  <si>
    <t>10/13/2011 12:00:00 AM</t>
  </si>
  <si>
    <t>4846</t>
  </si>
  <si>
    <t>1093</t>
  </si>
  <si>
    <t>2793</t>
  </si>
  <si>
    <t>57034</t>
  </si>
  <si>
    <t>5000000</t>
  </si>
  <si>
    <t>4000127</t>
  </si>
  <si>
    <t>15280</t>
  </si>
  <si>
    <t>10/14/2011 12:00:00 AM</t>
  </si>
  <si>
    <t>3709</t>
  </si>
  <si>
    <t>GUAYATÁ</t>
  </si>
  <si>
    <t>4542</t>
  </si>
  <si>
    <t>3390</t>
  </si>
  <si>
    <t>11419</t>
  </si>
  <si>
    <t>10/15/2011 12:00:00 AM</t>
  </si>
  <si>
    <t>5239</t>
  </si>
  <si>
    <t>BERBEO</t>
  </si>
  <si>
    <t>7013</t>
  </si>
  <si>
    <t>3983</t>
  </si>
  <si>
    <t>153000</t>
  </si>
  <si>
    <t>1827</t>
  </si>
  <si>
    <t>3306</t>
  </si>
  <si>
    <t>10/16/2011 12:00:00 AM</t>
  </si>
  <si>
    <t>1645</t>
  </si>
  <si>
    <t>36000</t>
  </si>
  <si>
    <t>704</t>
  </si>
  <si>
    <t>10/17/2011 12:00:00 AM</t>
  </si>
  <si>
    <t>3160</t>
  </si>
  <si>
    <t>438000</t>
  </si>
  <si>
    <t>1219</t>
  </si>
  <si>
    <t>10/18/2011 12:00:00 AM</t>
  </si>
  <si>
    <t>1451</t>
  </si>
  <si>
    <t>36906</t>
  </si>
  <si>
    <t>58900</t>
  </si>
  <si>
    <t>4762</t>
  </si>
  <si>
    <t>3172200</t>
  </si>
  <si>
    <t>10/19/2011 12:00:00 AM</t>
  </si>
  <si>
    <t>54000</t>
  </si>
  <si>
    <t>LLORÓ</t>
  </si>
  <si>
    <t>881</t>
  </si>
  <si>
    <t>1778</t>
  </si>
  <si>
    <t>85000</t>
  </si>
  <si>
    <t>962</t>
  </si>
  <si>
    <t>10/20/2011 12:00:00 AM</t>
  </si>
  <si>
    <t>31647</t>
  </si>
  <si>
    <t>2589</t>
  </si>
  <si>
    <t>2862000</t>
  </si>
  <si>
    <t>4065</t>
  </si>
  <si>
    <t>4603</t>
  </si>
  <si>
    <t>4643</t>
  </si>
  <si>
    <t>10/21/2011 12:00:00 AM</t>
  </si>
  <si>
    <t>4906</t>
  </si>
  <si>
    <t>3433</t>
  </si>
  <si>
    <t>4680</t>
  </si>
  <si>
    <t>SAN LUIS DE GACENO</t>
  </si>
  <si>
    <t>CONSTRUCCION</t>
  </si>
  <si>
    <t>9000000</t>
  </si>
  <si>
    <t>862</t>
  </si>
  <si>
    <t>7423</t>
  </si>
  <si>
    <t>1002</t>
  </si>
  <si>
    <t>118617</t>
  </si>
  <si>
    <t>807000</t>
  </si>
  <si>
    <t>358000</t>
  </si>
  <si>
    <t>10/22/2011 12:00:00 AM</t>
  </si>
  <si>
    <t>8045</t>
  </si>
  <si>
    <t>FERIA GANADO</t>
  </si>
  <si>
    <t>3670</t>
  </si>
  <si>
    <t>3460</t>
  </si>
  <si>
    <t>566</t>
  </si>
  <si>
    <t>776</t>
  </si>
  <si>
    <t>6114</t>
  </si>
  <si>
    <t>10/23/2011 12:00:00 AM</t>
  </si>
  <si>
    <t>10/24/2011 12:00:00 AM</t>
  </si>
  <si>
    <t>898</t>
  </si>
  <si>
    <t>25789</t>
  </si>
  <si>
    <t>1745</t>
  </si>
  <si>
    <t>26150</t>
  </si>
  <si>
    <t>10/25/2011 12:00:00 AM</t>
  </si>
  <si>
    <t>5078</t>
  </si>
  <si>
    <t>2074</t>
  </si>
  <si>
    <t>2407</t>
  </si>
  <si>
    <t>200700</t>
  </si>
  <si>
    <t>1115</t>
  </si>
  <si>
    <t>1553</t>
  </si>
  <si>
    <t>10/26/2011 12:00:00 AM</t>
  </si>
  <si>
    <t>2456</t>
  </si>
  <si>
    <t>1199</t>
  </si>
  <si>
    <t>206690</t>
  </si>
  <si>
    <t>10/27/2011 12:00:00 AM</t>
  </si>
  <si>
    <t>2783</t>
  </si>
  <si>
    <t>3599</t>
  </si>
  <si>
    <t>4270</t>
  </si>
  <si>
    <t>10/28/2011 12:00:00 AM</t>
  </si>
  <si>
    <t>468000</t>
  </si>
  <si>
    <t>2042</t>
  </si>
  <si>
    <t>3165</t>
  </si>
  <si>
    <t>1841</t>
  </si>
  <si>
    <t>5670</t>
  </si>
  <si>
    <t>13255</t>
  </si>
  <si>
    <t>10/29/2011 12:00:00 AM</t>
  </si>
  <si>
    <t>5058</t>
  </si>
  <si>
    <t>10/30/2011 12:00:00 AM</t>
  </si>
  <si>
    <t>10/31/2011 12:00:00 AM</t>
  </si>
  <si>
    <t>1951</t>
  </si>
  <si>
    <t>833</t>
  </si>
  <si>
    <t>1379</t>
  </si>
  <si>
    <t>2750</t>
  </si>
  <si>
    <t>32500</t>
  </si>
  <si>
    <t>11/01/2011 12:00:00 AM</t>
  </si>
  <si>
    <t>10980</t>
  </si>
  <si>
    <t>1979</t>
  </si>
  <si>
    <t>1162</t>
  </si>
  <si>
    <t>12150</t>
  </si>
  <si>
    <t>ALMAGUER</t>
  </si>
  <si>
    <t>9800</t>
  </si>
  <si>
    <t>12295</t>
  </si>
  <si>
    <t>10816</t>
  </si>
  <si>
    <t>11/02/2011 12:00:00 AM</t>
  </si>
  <si>
    <t>13420</t>
  </si>
  <si>
    <t>6670</t>
  </si>
  <si>
    <t>5550</t>
  </si>
  <si>
    <t>2938</t>
  </si>
  <si>
    <t>2128</t>
  </si>
  <si>
    <t>71439</t>
  </si>
  <si>
    <t>11/03/2011 12:00:00 AM</t>
  </si>
  <si>
    <t>161694</t>
  </si>
  <si>
    <t>957</t>
  </si>
  <si>
    <t>42405</t>
  </si>
  <si>
    <t>4565</t>
  </si>
  <si>
    <t>1536000</t>
  </si>
  <si>
    <t>5851</t>
  </si>
  <si>
    <t>1218</t>
  </si>
  <si>
    <t>3850</t>
  </si>
  <si>
    <t>1520</t>
  </si>
  <si>
    <t>27686</t>
  </si>
  <si>
    <t>2981</t>
  </si>
  <si>
    <t>11226</t>
  </si>
  <si>
    <t>11/04/2011 12:00:00 AM</t>
  </si>
  <si>
    <t>1222</t>
  </si>
  <si>
    <t>146000</t>
  </si>
  <si>
    <t>1884</t>
  </si>
  <si>
    <t>1581</t>
  </si>
  <si>
    <t>7820</t>
  </si>
  <si>
    <t>140135</t>
  </si>
  <si>
    <t>2110</t>
  </si>
  <si>
    <t>1265</t>
  </si>
  <si>
    <t>24900</t>
  </si>
  <si>
    <t>9679</t>
  </si>
  <si>
    <t>7906</t>
  </si>
  <si>
    <t>11/05/2011 12:00:00 AM</t>
  </si>
  <si>
    <t>125000</t>
  </si>
  <si>
    <t>7149</t>
  </si>
  <si>
    <t>1233</t>
  </si>
  <si>
    <t>2320</t>
  </si>
  <si>
    <t>11/06/2011 12:00:00 AM</t>
  </si>
  <si>
    <t>1396</t>
  </si>
  <si>
    <t>2600000</t>
  </si>
  <si>
    <t>374</t>
  </si>
  <si>
    <t>61523</t>
  </si>
  <si>
    <t>2604</t>
  </si>
  <si>
    <t>11/07/2011 12:00:00 AM</t>
  </si>
  <si>
    <t>767</t>
  </si>
  <si>
    <t>69964</t>
  </si>
  <si>
    <t>16900</t>
  </si>
  <si>
    <t>11/08/2011 12:00:00 AM</t>
  </si>
  <si>
    <t>77300</t>
  </si>
  <si>
    <t>SAN JOSÉ DE URÉ</t>
  </si>
  <si>
    <t>5157</t>
  </si>
  <si>
    <t>11/09/2011 12:00:00 AM</t>
  </si>
  <si>
    <t>181864</t>
  </si>
  <si>
    <t>3153</t>
  </si>
  <si>
    <t>4500000</t>
  </si>
  <si>
    <t>MAGÜI</t>
  </si>
  <si>
    <t>388000</t>
  </si>
  <si>
    <t>11/10/2011 12:00:00 AM</t>
  </si>
  <si>
    <t>CANALIZACION</t>
  </si>
  <si>
    <t>1130</t>
  </si>
  <si>
    <t>ALCALDIA</t>
  </si>
  <si>
    <t>1531</t>
  </si>
  <si>
    <t>2801</t>
  </si>
  <si>
    <t>63420</t>
  </si>
  <si>
    <t>43300</t>
  </si>
  <si>
    <t>11/11/2011 12:00:00 AM</t>
  </si>
  <si>
    <t>SAN ANTONIO DEL TEQUENDAMA</t>
  </si>
  <si>
    <t>2823</t>
  </si>
  <si>
    <t>16470</t>
  </si>
  <si>
    <t>346099</t>
  </si>
  <si>
    <t>3220000</t>
  </si>
  <si>
    <t>11/12/2011 12:00:00 AM</t>
  </si>
  <si>
    <t>26680</t>
  </si>
  <si>
    <t>3287</t>
  </si>
  <si>
    <t>11/13/2011 12:00:00 AM</t>
  </si>
  <si>
    <t>2089</t>
  </si>
  <si>
    <t>4308000</t>
  </si>
  <si>
    <t>595980</t>
  </si>
  <si>
    <t>11/14/2011 12:00:00 AM</t>
  </si>
  <si>
    <t>6340</t>
  </si>
  <si>
    <t>6961</t>
  </si>
  <si>
    <t>8505</t>
  </si>
  <si>
    <t>11/15/2011 12:00:00 AM</t>
  </si>
  <si>
    <t>71064</t>
  </si>
  <si>
    <t>325000</t>
  </si>
  <si>
    <t>11/16/2011 12:00:00 AM</t>
  </si>
  <si>
    <t>868</t>
  </si>
  <si>
    <t>5335</t>
  </si>
  <si>
    <t>1130000</t>
  </si>
  <si>
    <t>2668</t>
  </si>
  <si>
    <t>3435</t>
  </si>
  <si>
    <t>11/17/2011 12:00:00 AM</t>
  </si>
  <si>
    <t>16520</t>
  </si>
  <si>
    <t>115170</t>
  </si>
  <si>
    <t>95000</t>
  </si>
  <si>
    <t>3108</t>
  </si>
  <si>
    <t>1105</t>
  </si>
  <si>
    <t>31000</t>
  </si>
  <si>
    <t>11/18/2011 12:00:00 AM</t>
  </si>
  <si>
    <t>2513</t>
  </si>
  <si>
    <t>41500</t>
  </si>
  <si>
    <t>8856</t>
  </si>
  <si>
    <t>1711567</t>
  </si>
  <si>
    <t>1854</t>
  </si>
  <si>
    <t>1928</t>
  </si>
  <si>
    <t>11/19/2011 12:00:00 AM</t>
  </si>
  <si>
    <t>220000</t>
  </si>
  <si>
    <t>11125</t>
  </si>
  <si>
    <t>34543</t>
  </si>
  <si>
    <t>11/20/2011 12:00:00 AM</t>
  </si>
  <si>
    <t>51500</t>
  </si>
  <si>
    <t>11/21/2011 12:00:00 AM</t>
  </si>
  <si>
    <t>1298</t>
  </si>
  <si>
    <t>6420</t>
  </si>
  <si>
    <t>299000</t>
  </si>
  <si>
    <t>1254</t>
  </si>
  <si>
    <t>11/22/2011 12:00:00 AM</t>
  </si>
  <si>
    <t>575000</t>
  </si>
  <si>
    <t>2770</t>
  </si>
  <si>
    <t>5913</t>
  </si>
  <si>
    <t>4450</t>
  </si>
  <si>
    <t>11/23/2011 12:00:00 AM</t>
  </si>
  <si>
    <t>3334</t>
  </si>
  <si>
    <t>24850</t>
  </si>
  <si>
    <t>50408</t>
  </si>
  <si>
    <t>2007</t>
  </si>
  <si>
    <t>11/24/2011 12:00:00 AM</t>
  </si>
  <si>
    <t>594</t>
  </si>
  <si>
    <t>2121</t>
  </si>
  <si>
    <t>217977</t>
  </si>
  <si>
    <t>14149</t>
  </si>
  <si>
    <t>7696</t>
  </si>
  <si>
    <t>37030</t>
  </si>
  <si>
    <t>1262</t>
  </si>
  <si>
    <t>11/25/2011 12:00:00 AM</t>
  </si>
  <si>
    <t>2092</t>
  </si>
  <si>
    <t>9005</t>
  </si>
  <si>
    <t>774</t>
  </si>
  <si>
    <t>SATIVASUR</t>
  </si>
  <si>
    <t>2090</t>
  </si>
  <si>
    <t>6428</t>
  </si>
  <si>
    <t>3754</t>
  </si>
  <si>
    <t>390000</t>
  </si>
  <si>
    <t>8963000</t>
  </si>
  <si>
    <t>11/26/2011 12:00:00 AM</t>
  </si>
  <si>
    <t>21548</t>
  </si>
  <si>
    <t>2678</t>
  </si>
  <si>
    <t>1407</t>
  </si>
  <si>
    <t>1733</t>
  </si>
  <si>
    <t>12287</t>
  </si>
  <si>
    <t>2440</t>
  </si>
  <si>
    <t>11/27/2011 12:00:00 AM</t>
  </si>
  <si>
    <t>4562</t>
  </si>
  <si>
    <t>9668</t>
  </si>
  <si>
    <t>11/28/2011 12:00:00 AM</t>
  </si>
  <si>
    <t>3803</t>
  </si>
  <si>
    <t>15508</t>
  </si>
  <si>
    <t>852</t>
  </si>
  <si>
    <t>3570</t>
  </si>
  <si>
    <t>200076</t>
  </si>
  <si>
    <t>1181000</t>
  </si>
  <si>
    <t>11/29/2011 12:00:00 AM</t>
  </si>
  <si>
    <t>185000</t>
  </si>
  <si>
    <t>3075</t>
  </si>
  <si>
    <t>PANQUEBA</t>
  </si>
  <si>
    <t>6348</t>
  </si>
  <si>
    <t>8131</t>
  </si>
  <si>
    <t>49800</t>
  </si>
  <si>
    <t>1900000</t>
  </si>
  <si>
    <t>11/30/2011 12:00:00 AM</t>
  </si>
  <si>
    <t>1018</t>
  </si>
  <si>
    <t>2520000</t>
  </si>
  <si>
    <t>2836</t>
  </si>
  <si>
    <t>8763</t>
  </si>
  <si>
    <t>10941</t>
  </si>
  <si>
    <t>108200</t>
  </si>
  <si>
    <t>7056</t>
  </si>
  <si>
    <t>15219</t>
  </si>
  <si>
    <t>12/01/2011 12:00:00 AM</t>
  </si>
  <si>
    <t>1386</t>
  </si>
  <si>
    <t>CUÍTIVA</t>
  </si>
  <si>
    <t>2385</t>
  </si>
  <si>
    <t>4236</t>
  </si>
  <si>
    <t>11720</t>
  </si>
  <si>
    <t>122162</t>
  </si>
  <si>
    <t>10690</t>
  </si>
  <si>
    <t>12/02/2011 12:00:00 AM</t>
  </si>
  <si>
    <t>2525</t>
  </si>
  <si>
    <t>98050</t>
  </si>
  <si>
    <t>69490</t>
  </si>
  <si>
    <t>3755</t>
  </si>
  <si>
    <t>12/03/2011 12:00:00 AM</t>
  </si>
  <si>
    <t>9935</t>
  </si>
  <si>
    <t>4515</t>
  </si>
  <si>
    <t>12/04/2011 12:00:00 AM</t>
  </si>
  <si>
    <t>1794</t>
  </si>
  <si>
    <t>40619</t>
  </si>
  <si>
    <t>12/05/2011 12:00:00 AM</t>
  </si>
  <si>
    <t>ALGECIRAS</t>
  </si>
  <si>
    <t>135189</t>
  </si>
  <si>
    <t>12/06/2011 12:00:00 AM</t>
  </si>
  <si>
    <t>112572</t>
  </si>
  <si>
    <t>2437</t>
  </si>
  <si>
    <t>4230</t>
  </si>
  <si>
    <t>4635</t>
  </si>
  <si>
    <t>NÁTAGA</t>
  </si>
  <si>
    <t>21749</t>
  </si>
  <si>
    <t>18284</t>
  </si>
  <si>
    <t>37539</t>
  </si>
  <si>
    <t>12/07/2011 12:00:00 AM</t>
  </si>
  <si>
    <t>1086</t>
  </si>
  <si>
    <t>2334060</t>
  </si>
  <si>
    <t>11876</t>
  </si>
  <si>
    <t>12/08/2011 12:00:00 AM</t>
  </si>
  <si>
    <t>5006</t>
  </si>
  <si>
    <t>12/09/2011 12:00:00 AM</t>
  </si>
  <si>
    <t>1059</t>
  </si>
  <si>
    <t>10120</t>
  </si>
  <si>
    <t>SANTANA</t>
  </si>
  <si>
    <t>1647</t>
  </si>
  <si>
    <t>1467</t>
  </si>
  <si>
    <t>2719</t>
  </si>
  <si>
    <t>2554</t>
  </si>
  <si>
    <t>1960</t>
  </si>
  <si>
    <t>4480</t>
  </si>
  <si>
    <t>21640</t>
  </si>
  <si>
    <t>12/10/2011 12:00:00 AM</t>
  </si>
  <si>
    <t>6555</t>
  </si>
  <si>
    <t>489</t>
  </si>
  <si>
    <t>1522000</t>
  </si>
  <si>
    <t>4050</t>
  </si>
  <si>
    <t>12011</t>
  </si>
  <si>
    <t>12/11/2011 12:00:00 AM</t>
  </si>
  <si>
    <t>11231</t>
  </si>
  <si>
    <t>4072</t>
  </si>
  <si>
    <t>50075</t>
  </si>
  <si>
    <t>4000000</t>
  </si>
  <si>
    <t>12/12/2011 12:00:00 AM</t>
  </si>
  <si>
    <t>1565</t>
  </si>
  <si>
    <t>41068</t>
  </si>
  <si>
    <t>12/13/2011 12:00:00 AM</t>
  </si>
  <si>
    <t>2950</t>
  </si>
  <si>
    <t>12/14/2011 12:00:00 AM</t>
  </si>
  <si>
    <t>CHIVOR</t>
  </si>
  <si>
    <t>290000</t>
  </si>
  <si>
    <t>1208</t>
  </si>
  <si>
    <t>1317</t>
  </si>
  <si>
    <t>92440</t>
  </si>
  <si>
    <t>12/15/2011 12:00:00 AM</t>
  </si>
  <si>
    <t>1163</t>
  </si>
  <si>
    <t>11070</t>
  </si>
  <si>
    <t>5480</t>
  </si>
  <si>
    <t>5082</t>
  </si>
  <si>
    <t>1203000</t>
  </si>
  <si>
    <t>459510</t>
  </si>
  <si>
    <t>12/16/2011 12:00:00 AM</t>
  </si>
  <si>
    <t>4755</t>
  </si>
  <si>
    <t>GRAMALOTE</t>
  </si>
  <si>
    <t>1915</t>
  </si>
  <si>
    <t>12/17/2011 12:00:00 AM</t>
  </si>
  <si>
    <t>2268</t>
  </si>
  <si>
    <t>27320</t>
  </si>
  <si>
    <t>224000</t>
  </si>
  <si>
    <t>9045</t>
  </si>
  <si>
    <t>97000</t>
  </si>
  <si>
    <t>12/18/2011 12:00:00 AM</t>
  </si>
  <si>
    <t>1533000</t>
  </si>
  <si>
    <t>4575</t>
  </si>
  <si>
    <t>107000</t>
  </si>
  <si>
    <t>3509</t>
  </si>
  <si>
    <t>12/19/2011 12:00:00 AM</t>
  </si>
  <si>
    <t>8640</t>
  </si>
  <si>
    <t>43104</t>
  </si>
  <si>
    <t>7344</t>
  </si>
  <si>
    <t>21695</t>
  </si>
  <si>
    <t>12/20/2011 12:00:00 AM</t>
  </si>
  <si>
    <t>432400</t>
  </si>
  <si>
    <t>693</t>
  </si>
  <si>
    <t>1279</t>
  </si>
  <si>
    <t>12/21/2011 12:00:00 AM</t>
  </si>
  <si>
    <t>19454</t>
  </si>
  <si>
    <t>1063</t>
  </si>
  <si>
    <t>111000</t>
  </si>
  <si>
    <t>12/22/2011 12:00:00 AM</t>
  </si>
  <si>
    <t>2579</t>
  </si>
  <si>
    <t>2665</t>
  </si>
  <si>
    <t>1095</t>
  </si>
  <si>
    <t>1321</t>
  </si>
  <si>
    <t>7001</t>
  </si>
  <si>
    <t>12/23/2011 12:00:00 AM</t>
  </si>
  <si>
    <t>12/24/2011 12:00:00 AM</t>
  </si>
  <si>
    <t>2752</t>
  </si>
  <si>
    <t>13525</t>
  </si>
  <si>
    <t>9855</t>
  </si>
  <si>
    <t>1808</t>
  </si>
  <si>
    <t>12/25/2011 12:00:00 AM</t>
  </si>
  <si>
    <t>1801</t>
  </si>
  <si>
    <t>12/26/2011 12:00:00 AM</t>
  </si>
  <si>
    <t>13450</t>
  </si>
  <si>
    <t>2960</t>
  </si>
  <si>
    <t>12945</t>
  </si>
  <si>
    <t>12/27/2011 12:00:00 AM</t>
  </si>
  <si>
    <t>11559</t>
  </si>
  <si>
    <t>1054</t>
  </si>
  <si>
    <t>12122</t>
  </si>
  <si>
    <t>TENERIFE</t>
  </si>
  <si>
    <t>12/28/2011 12:00:00 AM</t>
  </si>
  <si>
    <t>15189</t>
  </si>
  <si>
    <t>12/29/2011 12:00:00 AM</t>
  </si>
  <si>
    <t>611000</t>
  </si>
  <si>
    <t>9020</t>
  </si>
  <si>
    <t>TIBIRITA</t>
  </si>
  <si>
    <t>921</t>
  </si>
  <si>
    <t>12/30/2011 12:00:00 AM</t>
  </si>
  <si>
    <t>2625</t>
  </si>
  <si>
    <t>12/31/2011 12:00:00 AM</t>
  </si>
  <si>
    <t>10053</t>
  </si>
  <si>
    <t>BAJO BAUDÓ</t>
  </si>
  <si>
    <t>01/08/2010 12:00:00 AM</t>
  </si>
  <si>
    <t>15070</t>
  </si>
  <si>
    <t>2019</t>
  </si>
  <si>
    <t>2641</t>
  </si>
  <si>
    <t>2576</t>
  </si>
  <si>
    <t>01/07/2010 12:00:00 AM</t>
  </si>
  <si>
    <t>3823</t>
  </si>
  <si>
    <t>2323</t>
  </si>
  <si>
    <t>1439</t>
  </si>
  <si>
    <t>01/06/2010 12:00:00 AM</t>
  </si>
  <si>
    <t>1868</t>
  </si>
  <si>
    <t>3012</t>
  </si>
  <si>
    <t>01/05/2010 12:00:00 AM</t>
  </si>
  <si>
    <t>20695</t>
  </si>
  <si>
    <t>18090</t>
  </si>
  <si>
    <t>12312</t>
  </si>
  <si>
    <t>22444</t>
  </si>
  <si>
    <t>7370</t>
  </si>
  <si>
    <t>5246</t>
  </si>
  <si>
    <t>01/04/2010 12:00:00 AM</t>
  </si>
  <si>
    <t>5503</t>
  </si>
  <si>
    <t>01/03/2010 12:00:00 AM</t>
  </si>
  <si>
    <t>2087</t>
  </si>
  <si>
    <t>2068</t>
  </si>
  <si>
    <t>01/02/2010 12:00:00 AM</t>
  </si>
  <si>
    <t>654</t>
  </si>
  <si>
    <t>4190</t>
  </si>
  <si>
    <t>1098</t>
  </si>
  <si>
    <t>18476</t>
  </si>
  <si>
    <t>01/01/2010 12:00:00 AM</t>
  </si>
  <si>
    <t>8052</t>
  </si>
  <si>
    <t>RÁQUIRA</t>
  </si>
  <si>
    <t>8825</t>
  </si>
  <si>
    <t>03/07/2010 12:00:00 AM</t>
  </si>
  <si>
    <t>47500</t>
  </si>
  <si>
    <t>03/06/2010 12:00:00 AM</t>
  </si>
  <si>
    <t>2046</t>
  </si>
  <si>
    <t>66500</t>
  </si>
  <si>
    <t>2325</t>
  </si>
  <si>
    <t>2740</t>
  </si>
  <si>
    <t>3903</t>
  </si>
  <si>
    <t>5207</t>
  </si>
  <si>
    <t>8012</t>
  </si>
  <si>
    <t>131000</t>
  </si>
  <si>
    <t>2575</t>
  </si>
  <si>
    <t>03/05/2010 12:00:00 AM</t>
  </si>
  <si>
    <t>3303</t>
  </si>
  <si>
    <t>3150</t>
  </si>
  <si>
    <t>1825</t>
  </si>
  <si>
    <t>1800000</t>
  </si>
  <si>
    <t>1871</t>
  </si>
  <si>
    <t>2487</t>
  </si>
  <si>
    <t>11750</t>
  </si>
  <si>
    <t>7196</t>
  </si>
  <si>
    <t>28395</t>
  </si>
  <si>
    <t>3564</t>
  </si>
  <si>
    <t>520100</t>
  </si>
  <si>
    <t>03/04/2010 12:00:00 AM</t>
  </si>
  <si>
    <t>66308</t>
  </si>
  <si>
    <t>03/03/2010 12:00:00 AM</t>
  </si>
  <si>
    <t>7595</t>
  </si>
  <si>
    <t>3211</t>
  </si>
  <si>
    <t>8264</t>
  </si>
  <si>
    <t>3981</t>
  </si>
  <si>
    <t>1531000</t>
  </si>
  <si>
    <t>50035</t>
  </si>
  <si>
    <t>03/02/2010 12:00:00 AM</t>
  </si>
  <si>
    <t>BIBLIOTECA</t>
  </si>
  <si>
    <t>14604</t>
  </si>
  <si>
    <t>53667</t>
  </si>
  <si>
    <t>2448</t>
  </si>
  <si>
    <t>4098</t>
  </si>
  <si>
    <t>760000</t>
  </si>
  <si>
    <t>03/01/2010 12:00:00 AM</t>
  </si>
  <si>
    <t>3018</t>
  </si>
  <si>
    <t>ESTACION M.I.O.</t>
  </si>
  <si>
    <t>2601</t>
  </si>
  <si>
    <t>583</t>
  </si>
  <si>
    <t>99000</t>
  </si>
  <si>
    <t>4202</t>
  </si>
  <si>
    <t>87000</t>
  </si>
  <si>
    <t>3251</t>
  </si>
  <si>
    <t>02/28/2010 12:00:00 AM</t>
  </si>
  <si>
    <t>4425</t>
  </si>
  <si>
    <t>ROBERTO PAYÁN</t>
  </si>
  <si>
    <t>3179</t>
  </si>
  <si>
    <t>12000000</t>
  </si>
  <si>
    <t>1510</t>
  </si>
  <si>
    <t>02/27/2010 12:00:00 AM</t>
  </si>
  <si>
    <t>3316</t>
  </si>
  <si>
    <t>ALPUJARRA</t>
  </si>
  <si>
    <t>ZONAS AZULES - VIA PUBLICA</t>
  </si>
  <si>
    <t>7124</t>
  </si>
  <si>
    <t>4725</t>
  </si>
  <si>
    <t>4435</t>
  </si>
  <si>
    <t>4533</t>
  </si>
  <si>
    <t>888000</t>
  </si>
  <si>
    <t>02/26/2010 12:00:00 AM</t>
  </si>
  <si>
    <t>30030</t>
  </si>
  <si>
    <t>240000</t>
  </si>
  <si>
    <t>4940</t>
  </si>
  <si>
    <t>COYAIMA</t>
  </si>
  <si>
    <t>3190</t>
  </si>
  <si>
    <t>7025</t>
  </si>
  <si>
    <t>EL RETÉN</t>
  </si>
  <si>
    <t>15560</t>
  </si>
  <si>
    <t>5767</t>
  </si>
  <si>
    <t>264066</t>
  </si>
  <si>
    <t>1816</t>
  </si>
  <si>
    <t>3845</t>
  </si>
  <si>
    <t>31267</t>
  </si>
  <si>
    <t>02/25/2010 12:00:00 AM</t>
  </si>
  <si>
    <t>33300</t>
  </si>
  <si>
    <t>4259</t>
  </si>
  <si>
    <t>7476</t>
  </si>
  <si>
    <t>9750</t>
  </si>
  <si>
    <t>5050</t>
  </si>
  <si>
    <t>319239</t>
  </si>
  <si>
    <t>1592</t>
  </si>
  <si>
    <t>02/24/2010 12:00:00 AM</t>
  </si>
  <si>
    <t>2345</t>
  </si>
  <si>
    <t>14002</t>
  </si>
  <si>
    <t>51072</t>
  </si>
  <si>
    <t>4241</t>
  </si>
  <si>
    <t>1486</t>
  </si>
  <si>
    <t>10000000</t>
  </si>
  <si>
    <t>1975</t>
  </si>
  <si>
    <t>02/23/2010 12:00:00 AM</t>
  </si>
  <si>
    <t>8011</t>
  </si>
  <si>
    <t>23242</t>
  </si>
  <si>
    <t>3950</t>
  </si>
  <si>
    <t>8000000</t>
  </si>
  <si>
    <t>1633</t>
  </si>
  <si>
    <t>2005</t>
  </si>
  <si>
    <t>582000</t>
  </si>
  <si>
    <t>02/22/2010 12:00:00 AM</t>
  </si>
  <si>
    <t>155000</t>
  </si>
  <si>
    <t>5062</t>
  </si>
  <si>
    <t>3243</t>
  </si>
  <si>
    <t>02/21/2010 12:00:00 AM</t>
  </si>
  <si>
    <t>2516</t>
  </si>
  <si>
    <t>1511</t>
  </si>
  <si>
    <t>02/20/2010 12:00:00 AM</t>
  </si>
  <si>
    <t>1667</t>
  </si>
  <si>
    <t>8125</t>
  </si>
  <si>
    <t>4138</t>
  </si>
  <si>
    <t>2912</t>
  </si>
  <si>
    <t>7995</t>
  </si>
  <si>
    <t>2393</t>
  </si>
  <si>
    <t>2136</t>
  </si>
  <si>
    <t>1190</t>
  </si>
  <si>
    <t>02/19/2010 12:00:00 AM</t>
  </si>
  <si>
    <t>302529</t>
  </si>
  <si>
    <t>341</t>
  </si>
  <si>
    <t>3600000</t>
  </si>
  <si>
    <t>1709</t>
  </si>
  <si>
    <t>965</t>
  </si>
  <si>
    <t>9252</t>
  </si>
  <si>
    <t>1196</t>
  </si>
  <si>
    <t>221166</t>
  </si>
  <si>
    <t>2445</t>
  </si>
  <si>
    <t>3861</t>
  </si>
  <si>
    <t>2743</t>
  </si>
  <si>
    <t>02/18/2010 12:00:00 AM</t>
  </si>
  <si>
    <t>21378</t>
  </si>
  <si>
    <t>6040</t>
  </si>
  <si>
    <t>41000</t>
  </si>
  <si>
    <t>2797</t>
  </si>
  <si>
    <t>132027</t>
  </si>
  <si>
    <t>6288</t>
  </si>
  <si>
    <t>2327</t>
  </si>
  <si>
    <t>3055</t>
  </si>
  <si>
    <t>02/17/2010 12:00:00 AM</t>
  </si>
  <si>
    <t>42050</t>
  </si>
  <si>
    <t>4996</t>
  </si>
  <si>
    <t>1751</t>
  </si>
  <si>
    <t>2815</t>
  </si>
  <si>
    <t>95700</t>
  </si>
  <si>
    <t>6463</t>
  </si>
  <si>
    <t>2106</t>
  </si>
  <si>
    <t>2164</t>
  </si>
  <si>
    <t>5513</t>
  </si>
  <si>
    <t>02/16/2010 12:00:00 AM</t>
  </si>
  <si>
    <t>1171</t>
  </si>
  <si>
    <t>1913</t>
  </si>
  <si>
    <t>9598</t>
  </si>
  <si>
    <t>6602</t>
  </si>
  <si>
    <t>50200</t>
  </si>
  <si>
    <t>1988</t>
  </si>
  <si>
    <t>6072</t>
  </si>
  <si>
    <t>02/15/2010 12:00:00 AM</t>
  </si>
  <si>
    <t>3089</t>
  </si>
  <si>
    <t>3083</t>
  </si>
  <si>
    <t>2438</t>
  </si>
  <si>
    <t>6845</t>
  </si>
  <si>
    <t>207000</t>
  </si>
  <si>
    <t>02/14/2010 12:00:00 AM</t>
  </si>
  <si>
    <t>410000</t>
  </si>
  <si>
    <t>4541</t>
  </si>
  <si>
    <t>2008</t>
  </si>
  <si>
    <t>1644</t>
  </si>
  <si>
    <t>113000</t>
  </si>
  <si>
    <t>02/13/2010 12:00:00 AM</t>
  </si>
  <si>
    <t>1656</t>
  </si>
  <si>
    <t>1674</t>
  </si>
  <si>
    <t>3029</t>
  </si>
  <si>
    <t>18232</t>
  </si>
  <si>
    <t>1624</t>
  </si>
  <si>
    <t>556</t>
  </si>
  <si>
    <t>1881</t>
  </si>
  <si>
    <t>3188</t>
  </si>
  <si>
    <t>4379</t>
  </si>
  <si>
    <t>02/12/2010 12:00:00 AM</t>
  </si>
  <si>
    <t>8629</t>
  </si>
  <si>
    <t>2133</t>
  </si>
  <si>
    <t>6534</t>
  </si>
  <si>
    <t>3686</t>
  </si>
  <si>
    <t>5592</t>
  </si>
  <si>
    <t>866</t>
  </si>
  <si>
    <t>10405</t>
  </si>
  <si>
    <t>16724</t>
  </si>
  <si>
    <t>47623</t>
  </si>
  <si>
    <t>2435</t>
  </si>
  <si>
    <t>17015</t>
  </si>
  <si>
    <t>02/11/2010 12:00:00 AM</t>
  </si>
  <si>
    <t>3684</t>
  </si>
  <si>
    <t>8159</t>
  </si>
  <si>
    <t>5090</t>
  </si>
  <si>
    <t>PAZ DE RÍO</t>
  </si>
  <si>
    <t>1331</t>
  </si>
  <si>
    <t>02/10/2010 12:00:00 AM</t>
  </si>
  <si>
    <t>17424</t>
  </si>
  <si>
    <t>5328</t>
  </si>
  <si>
    <t>5725</t>
  </si>
  <si>
    <t>3955</t>
  </si>
  <si>
    <t>10200</t>
  </si>
  <si>
    <t>1372</t>
  </si>
  <si>
    <t>5770</t>
  </si>
  <si>
    <t>02/09/2010 12:00:00 AM</t>
  </si>
  <si>
    <t>6493</t>
  </si>
  <si>
    <t>4289</t>
  </si>
  <si>
    <t>7297</t>
  </si>
  <si>
    <t>1629</t>
  </si>
  <si>
    <t>22300</t>
  </si>
  <si>
    <t>26747</t>
  </si>
  <si>
    <t>5418</t>
  </si>
  <si>
    <t>1313</t>
  </si>
  <si>
    <t>13922</t>
  </si>
  <si>
    <t>4253</t>
  </si>
  <si>
    <t>02/08/2010 12:00:00 AM</t>
  </si>
  <si>
    <t>177000</t>
  </si>
  <si>
    <t>3032</t>
  </si>
  <si>
    <t>4140</t>
  </si>
  <si>
    <t>NÓVITA</t>
  </si>
  <si>
    <t>14460</t>
  </si>
  <si>
    <t>02/07/2010 12:00:00 AM</t>
  </si>
  <si>
    <t>103046</t>
  </si>
  <si>
    <t>2371</t>
  </si>
  <si>
    <t>1029</t>
  </si>
  <si>
    <t>02/06/2010 12:00:00 AM</t>
  </si>
  <si>
    <t>2272</t>
  </si>
  <si>
    <t>1243</t>
  </si>
  <si>
    <t>PEDRAZA</t>
  </si>
  <si>
    <t>1341</t>
  </si>
  <si>
    <t>TIQUISIO</t>
  </si>
  <si>
    <t>9722</t>
  </si>
  <si>
    <t>5459</t>
  </si>
  <si>
    <t>02/05/2010 12:00:00 AM</t>
  </si>
  <si>
    <t>3261</t>
  </si>
  <si>
    <t>221000</t>
  </si>
  <si>
    <t>27225</t>
  </si>
  <si>
    <t>17035</t>
  </si>
  <si>
    <t>3749</t>
  </si>
  <si>
    <t>5164</t>
  </si>
  <si>
    <t>999</t>
  </si>
  <si>
    <t>8351</t>
  </si>
  <si>
    <t>7710</t>
  </si>
  <si>
    <t>5712</t>
  </si>
  <si>
    <t>3975</t>
  </si>
  <si>
    <t>02/04/2010 12:00:00 AM</t>
  </si>
  <si>
    <t>2506</t>
  </si>
  <si>
    <t>39600</t>
  </si>
  <si>
    <t>ALIMENTADOR BUS M.I.O.</t>
  </si>
  <si>
    <t>5088</t>
  </si>
  <si>
    <t>9593</t>
  </si>
  <si>
    <t>9995</t>
  </si>
  <si>
    <t>70500</t>
  </si>
  <si>
    <t>1349</t>
  </si>
  <si>
    <t>10688</t>
  </si>
  <si>
    <t>02/03/2010 12:00:00 AM</t>
  </si>
  <si>
    <t>21520</t>
  </si>
  <si>
    <t>1742</t>
  </si>
  <si>
    <t>17296</t>
  </si>
  <si>
    <t>5037</t>
  </si>
  <si>
    <t>1122</t>
  </si>
  <si>
    <t>80207</t>
  </si>
  <si>
    <t>7839</t>
  </si>
  <si>
    <t>02/02/2010 12:00:00 AM</t>
  </si>
  <si>
    <t>465000</t>
  </si>
  <si>
    <t>252000</t>
  </si>
  <si>
    <t>1857</t>
  </si>
  <si>
    <t>5197</t>
  </si>
  <si>
    <t>4454</t>
  </si>
  <si>
    <t>02/01/2010 12:00:00 AM</t>
  </si>
  <si>
    <t>11500</t>
  </si>
  <si>
    <t>68700</t>
  </si>
  <si>
    <t>5310</t>
  </si>
  <si>
    <t>6205</t>
  </si>
  <si>
    <t>01/31/2010 12:00:00 AM</t>
  </si>
  <si>
    <t>108830</t>
  </si>
  <si>
    <t>5112</t>
  </si>
  <si>
    <t>REGIDOR</t>
  </si>
  <si>
    <t>1989</t>
  </si>
  <si>
    <t>1326</t>
  </si>
  <si>
    <t>01/30/2010 12:00:00 AM</t>
  </si>
  <si>
    <t>1213556</t>
  </si>
  <si>
    <t>6290</t>
  </si>
  <si>
    <t>3408</t>
  </si>
  <si>
    <t>3086</t>
  </si>
  <si>
    <t>20193</t>
  </si>
  <si>
    <t>81417</t>
  </si>
  <si>
    <t>01/29/2010 12:00:00 AM</t>
  </si>
  <si>
    <t>2942</t>
  </si>
  <si>
    <t>4109</t>
  </si>
  <si>
    <t>169021</t>
  </si>
  <si>
    <t>2948</t>
  </si>
  <si>
    <t>678</t>
  </si>
  <si>
    <t>157605</t>
  </si>
  <si>
    <t>5411</t>
  </si>
  <si>
    <t>4582</t>
  </si>
  <si>
    <t>3040</t>
  </si>
  <si>
    <t>23025</t>
  </si>
  <si>
    <t>01/28/2010 12:00:00 AM</t>
  </si>
  <si>
    <t>5956</t>
  </si>
  <si>
    <t>TARQUI</t>
  </si>
  <si>
    <t>9466</t>
  </si>
  <si>
    <t>96000</t>
  </si>
  <si>
    <t>1478</t>
  </si>
  <si>
    <t>3908000</t>
  </si>
  <si>
    <t>17108</t>
  </si>
  <si>
    <t>01/27/2010 12:00:00 AM</t>
  </si>
  <si>
    <t>544</t>
  </si>
  <si>
    <t>9900</t>
  </si>
  <si>
    <t>6478</t>
  </si>
  <si>
    <t>FALAN</t>
  </si>
  <si>
    <t>2364</t>
  </si>
  <si>
    <t>1653</t>
  </si>
  <si>
    <t>13368</t>
  </si>
  <si>
    <t>6370</t>
  </si>
  <si>
    <t>10545</t>
  </si>
  <si>
    <t>SÁCHICA</t>
  </si>
  <si>
    <t>5769</t>
  </si>
  <si>
    <t>23223</t>
  </si>
  <si>
    <t>01/26/2010 12:00:00 AM</t>
  </si>
  <si>
    <t>4406</t>
  </si>
  <si>
    <t>67000</t>
  </si>
  <si>
    <t>2900</t>
  </si>
  <si>
    <t>25800</t>
  </si>
  <si>
    <t>1032</t>
  </si>
  <si>
    <t>109000</t>
  </si>
  <si>
    <t>6848</t>
  </si>
  <si>
    <t>724</t>
  </si>
  <si>
    <t>11081</t>
  </si>
  <si>
    <t>911487</t>
  </si>
  <si>
    <t>478000</t>
  </si>
  <si>
    <t>01/25/2010 12:00:00 AM</t>
  </si>
  <si>
    <t>2082</t>
  </si>
  <si>
    <t>3265</t>
  </si>
  <si>
    <t>3159</t>
  </si>
  <si>
    <t>2241</t>
  </si>
  <si>
    <t>2319</t>
  </si>
  <si>
    <t>442000</t>
  </si>
  <si>
    <t>5790</t>
  </si>
  <si>
    <t>1094</t>
  </si>
  <si>
    <t>449700</t>
  </si>
  <si>
    <t>01/24/2010 12:00:00 AM</t>
  </si>
  <si>
    <t>2959</t>
  </si>
  <si>
    <t>3259</t>
  </si>
  <si>
    <t>4201</t>
  </si>
  <si>
    <t>01/23/2010 12:00:00 AM</t>
  </si>
  <si>
    <t>2528</t>
  </si>
  <si>
    <t>12624</t>
  </si>
  <si>
    <t>134000</t>
  </si>
  <si>
    <t>2762</t>
  </si>
  <si>
    <t>01/22/2010 12:00:00 AM</t>
  </si>
  <si>
    <t>9235</t>
  </si>
  <si>
    <t>9163</t>
  </si>
  <si>
    <t>4047</t>
  </si>
  <si>
    <t>01/21/2010 12:00:00 AM</t>
  </si>
  <si>
    <t>11708</t>
  </si>
  <si>
    <t>8320</t>
  </si>
  <si>
    <t>29750</t>
  </si>
  <si>
    <t>27305</t>
  </si>
  <si>
    <t>01/20/2010 12:00:00 AM</t>
  </si>
  <si>
    <t>1424</t>
  </si>
  <si>
    <t>1686</t>
  </si>
  <si>
    <t>772</t>
  </si>
  <si>
    <t>ELÍAS</t>
  </si>
  <si>
    <t>5143</t>
  </si>
  <si>
    <t>216298</t>
  </si>
  <si>
    <t>01/19/2010 12:00:00 AM</t>
  </si>
  <si>
    <t>2689</t>
  </si>
  <si>
    <t>912</t>
  </si>
  <si>
    <t>3787</t>
  </si>
  <si>
    <t>25436</t>
  </si>
  <si>
    <t>941</t>
  </si>
  <si>
    <t>61937</t>
  </si>
  <si>
    <t>01/18/2010 12:00:00 AM</t>
  </si>
  <si>
    <t>19541</t>
  </si>
  <si>
    <t>1465</t>
  </si>
  <si>
    <t>01/17/2010 12:00:00 AM</t>
  </si>
  <si>
    <t>1690</t>
  </si>
  <si>
    <t>4057</t>
  </si>
  <si>
    <t>4927000</t>
  </si>
  <si>
    <t>CUCUTILLA</t>
  </si>
  <si>
    <t>27300</t>
  </si>
  <si>
    <t>2890</t>
  </si>
  <si>
    <t>10740</t>
  </si>
  <si>
    <t>42720</t>
  </si>
  <si>
    <t>2978</t>
  </si>
  <si>
    <t>01/16/2010 12:00:00 AM</t>
  </si>
  <si>
    <t>2096</t>
  </si>
  <si>
    <t>3523</t>
  </si>
  <si>
    <t>108000</t>
  </si>
  <si>
    <t>01/15/2010 12:00:00 AM</t>
  </si>
  <si>
    <t>77000</t>
  </si>
  <si>
    <t>5281</t>
  </si>
  <si>
    <t>4914</t>
  </si>
  <si>
    <t>5085</t>
  </si>
  <si>
    <t>350963</t>
  </si>
  <si>
    <t>1015000</t>
  </si>
  <si>
    <t>15143</t>
  </si>
  <si>
    <t>24190</t>
  </si>
  <si>
    <t>01/14/2010 12:00:00 AM</t>
  </si>
  <si>
    <t>3847</t>
  </si>
  <si>
    <t>2621</t>
  </si>
  <si>
    <t>PALMAS DEL SOCORRO</t>
  </si>
  <si>
    <t>3005</t>
  </si>
  <si>
    <t>102800</t>
  </si>
  <si>
    <t>196040</t>
  </si>
  <si>
    <t>3051</t>
  </si>
  <si>
    <t>01/13/2010 12:00:00 AM</t>
  </si>
  <si>
    <t>1319</t>
  </si>
  <si>
    <t>764</t>
  </si>
  <si>
    <t>26885</t>
  </si>
  <si>
    <t>3186</t>
  </si>
  <si>
    <t>1672</t>
  </si>
  <si>
    <t>01/12/2010 12:00:00 AM</t>
  </si>
  <si>
    <t>1837</t>
  </si>
  <si>
    <t>17165</t>
  </si>
  <si>
    <t>5435</t>
  </si>
  <si>
    <t>2741</t>
  </si>
  <si>
    <t>12100</t>
  </si>
  <si>
    <t>851</t>
  </si>
  <si>
    <t>01/11/2010 12:00:00 AM</t>
  </si>
  <si>
    <t>2734</t>
  </si>
  <si>
    <t>51994</t>
  </si>
  <si>
    <t>01/10/2010 12:00:00 AM</t>
  </si>
  <si>
    <t>1433</t>
  </si>
  <si>
    <t>46600</t>
  </si>
  <si>
    <t>01/09/2010 12:00:00 AM</t>
  </si>
  <si>
    <t>2388</t>
  </si>
  <si>
    <t>4382</t>
  </si>
  <si>
    <t>3724</t>
  </si>
  <si>
    <t>1682</t>
  </si>
  <si>
    <t>1811</t>
  </si>
  <si>
    <t>CASETA VIGILANCIA CONJUNTO RESIDENCIAL</t>
  </si>
  <si>
    <t>4774</t>
  </si>
  <si>
    <t>04/01/2010 12:00:00 AM</t>
  </si>
  <si>
    <t>40008</t>
  </si>
  <si>
    <t>1147</t>
  </si>
  <si>
    <t>03/31/2010 12:00:00 AM</t>
  </si>
  <si>
    <t>218300</t>
  </si>
  <si>
    <t>749</t>
  </si>
  <si>
    <t>1532004</t>
  </si>
  <si>
    <t>4268</t>
  </si>
  <si>
    <t>4665</t>
  </si>
  <si>
    <t>03/30/2010 12:00:00 AM</t>
  </si>
  <si>
    <t>3867</t>
  </si>
  <si>
    <t>2572</t>
  </si>
  <si>
    <t>81150</t>
  </si>
  <si>
    <t>03/29/2010 12:00:00 AM</t>
  </si>
  <si>
    <t>1628</t>
  </si>
  <si>
    <t>5606</t>
  </si>
  <si>
    <t>1135</t>
  </si>
  <si>
    <t>35200</t>
  </si>
  <si>
    <t>03/28/2010 12:00:00 AM</t>
  </si>
  <si>
    <t>3969</t>
  </si>
  <si>
    <t>7635</t>
  </si>
  <si>
    <t>3645</t>
  </si>
  <si>
    <t>3058</t>
  </si>
  <si>
    <t>5084</t>
  </si>
  <si>
    <t>2206</t>
  </si>
  <si>
    <t>3174</t>
  </si>
  <si>
    <t>03/27/2010 12:00:00 AM</t>
  </si>
  <si>
    <t>44737</t>
  </si>
  <si>
    <t>473000</t>
  </si>
  <si>
    <t>9415</t>
  </si>
  <si>
    <t>12745</t>
  </si>
  <si>
    <t>16074</t>
  </si>
  <si>
    <t>18300</t>
  </si>
  <si>
    <t>918</t>
  </si>
  <si>
    <t>03/26/2010 12:00:00 AM</t>
  </si>
  <si>
    <t>190300</t>
  </si>
  <si>
    <t>1541</t>
  </si>
  <si>
    <t>8935</t>
  </si>
  <si>
    <t>19720</t>
  </si>
  <si>
    <t>1039</t>
  </si>
  <si>
    <t>SABANAS DE SAN ANGEL</t>
  </si>
  <si>
    <t>7805</t>
  </si>
  <si>
    <t>1423</t>
  </si>
  <si>
    <t>139500</t>
  </si>
  <si>
    <t>1574</t>
  </si>
  <si>
    <t>210500</t>
  </si>
  <si>
    <t>03/25/2010 12:00:00 AM</t>
  </si>
  <si>
    <t>8340</t>
  </si>
  <si>
    <t>4512</t>
  </si>
  <si>
    <t>4810</t>
  </si>
  <si>
    <t>TIMBIQUÍ</t>
  </si>
  <si>
    <t>404000</t>
  </si>
  <si>
    <t>3015</t>
  </si>
  <si>
    <t>1267</t>
  </si>
  <si>
    <t>03/24/2010 12:00:00 AM</t>
  </si>
  <si>
    <t>2945</t>
  </si>
  <si>
    <t>2465</t>
  </si>
  <si>
    <t>10514</t>
  </si>
  <si>
    <t>196000</t>
  </si>
  <si>
    <t>144000</t>
  </si>
  <si>
    <t>619</t>
  </si>
  <si>
    <t>6323</t>
  </si>
  <si>
    <t>11653</t>
  </si>
  <si>
    <t>12709</t>
  </si>
  <si>
    <t>03/23/2010 12:00:00 AM</t>
  </si>
  <si>
    <t>25709</t>
  </si>
  <si>
    <t>RAGONVALIA</t>
  </si>
  <si>
    <t>4258</t>
  </si>
  <si>
    <t>6791</t>
  </si>
  <si>
    <t>14219</t>
  </si>
  <si>
    <t>1303</t>
  </si>
  <si>
    <t>1513</t>
  </si>
  <si>
    <t>2101</t>
  </si>
  <si>
    <t>3423</t>
  </si>
  <si>
    <t>03/22/2010 12:00:00 AM</t>
  </si>
  <si>
    <t>TIPO EXPLOTACIÓN ORO</t>
  </si>
  <si>
    <t>1865</t>
  </si>
  <si>
    <t>907</t>
  </si>
  <si>
    <t>1040000</t>
  </si>
  <si>
    <t>03/21/2010 12:00:00 AM</t>
  </si>
  <si>
    <t>92070</t>
  </si>
  <si>
    <t>5183000</t>
  </si>
  <si>
    <t>30355</t>
  </si>
  <si>
    <t>1007</t>
  </si>
  <si>
    <t>82023</t>
  </si>
  <si>
    <t>48069</t>
  </si>
  <si>
    <t>3110</t>
  </si>
  <si>
    <t>03/20/2010 12:00:00 AM</t>
  </si>
  <si>
    <t>12645</t>
  </si>
  <si>
    <t>763000</t>
  </si>
  <si>
    <t>323000</t>
  </si>
  <si>
    <t>3161</t>
  </si>
  <si>
    <t>1660000</t>
  </si>
  <si>
    <t>61143</t>
  </si>
  <si>
    <t>469517</t>
  </si>
  <si>
    <t>4429</t>
  </si>
  <si>
    <t>16025</t>
  </si>
  <si>
    <t>54983</t>
  </si>
  <si>
    <t>1017</t>
  </si>
  <si>
    <t>62700</t>
  </si>
  <si>
    <t>03/19/2010 12:00:00 AM</t>
  </si>
  <si>
    <t>10869</t>
  </si>
  <si>
    <t>2747</t>
  </si>
  <si>
    <t>2879</t>
  </si>
  <si>
    <t>447700</t>
  </si>
  <si>
    <t>3280</t>
  </si>
  <si>
    <t>1023000</t>
  </si>
  <si>
    <t>104121</t>
  </si>
  <si>
    <t>248000</t>
  </si>
  <si>
    <t>29005</t>
  </si>
  <si>
    <t>51436</t>
  </si>
  <si>
    <t>6218</t>
  </si>
  <si>
    <t>03/18/2010 12:00:00 AM</t>
  </si>
  <si>
    <t>1804</t>
  </si>
  <si>
    <t>170015</t>
  </si>
  <si>
    <t>1088</t>
  </si>
  <si>
    <t>13600</t>
  </si>
  <si>
    <t>9182</t>
  </si>
  <si>
    <t>2566</t>
  </si>
  <si>
    <t>4714</t>
  </si>
  <si>
    <t>8444</t>
  </si>
  <si>
    <t>699</t>
  </si>
  <si>
    <t>1136</t>
  </si>
  <si>
    <t>20940</t>
  </si>
  <si>
    <t>31373</t>
  </si>
  <si>
    <t>21852</t>
  </si>
  <si>
    <t>12211</t>
  </si>
  <si>
    <t>20537</t>
  </si>
  <si>
    <t>60008</t>
  </si>
  <si>
    <t>03/17/2010 12:00:00 AM</t>
  </si>
  <si>
    <t>17800</t>
  </si>
  <si>
    <t>7106</t>
  </si>
  <si>
    <t>1154</t>
  </si>
  <si>
    <t>21853</t>
  </si>
  <si>
    <t>2380</t>
  </si>
  <si>
    <t>03/16/2010 12:00:00 AM</t>
  </si>
  <si>
    <t>30150</t>
  </si>
  <si>
    <t>28910</t>
  </si>
  <si>
    <t>125855</t>
  </si>
  <si>
    <t>70800</t>
  </si>
  <si>
    <t>24260</t>
  </si>
  <si>
    <t>6893</t>
  </si>
  <si>
    <t>3333</t>
  </si>
  <si>
    <t>03/15/2010 12:00:00 AM</t>
  </si>
  <si>
    <t>205000</t>
  </si>
  <si>
    <t>5183</t>
  </si>
  <si>
    <t>4352</t>
  </si>
  <si>
    <t>7383</t>
  </si>
  <si>
    <t>03/14/2010 12:00:00 AM</t>
  </si>
  <si>
    <t>12556</t>
  </si>
  <si>
    <t>1425</t>
  </si>
  <si>
    <t>25079</t>
  </si>
  <si>
    <t>2988</t>
  </si>
  <si>
    <t>03/13/2010 12:00:00 AM</t>
  </si>
  <si>
    <t>3282</t>
  </si>
  <si>
    <t>5176</t>
  </si>
  <si>
    <t>39856</t>
  </si>
  <si>
    <t>CHISCAS</t>
  </si>
  <si>
    <t>03/12/2010 12:00:00 AM</t>
  </si>
  <si>
    <t>TEATROS</t>
  </si>
  <si>
    <t>3075000</t>
  </si>
  <si>
    <t>5032</t>
  </si>
  <si>
    <t>123020</t>
  </si>
  <si>
    <t>2571</t>
  </si>
  <si>
    <t>4214</t>
  </si>
  <si>
    <t>6080000</t>
  </si>
  <si>
    <t>URUMITA</t>
  </si>
  <si>
    <t>GUATAQUÍ</t>
  </si>
  <si>
    <t>101200</t>
  </si>
  <si>
    <t>03/11/2010 12:00:00 AM</t>
  </si>
  <si>
    <t>4539</t>
  </si>
  <si>
    <t>2816</t>
  </si>
  <si>
    <t>200170</t>
  </si>
  <si>
    <t>6523</t>
  </si>
  <si>
    <t>MEDIO SAN JUAN</t>
  </si>
  <si>
    <t>1829</t>
  </si>
  <si>
    <t>03/10/2010 12:00:00 AM</t>
  </si>
  <si>
    <t>7646</t>
  </si>
  <si>
    <t>2888</t>
  </si>
  <si>
    <t>03/09/2010 12:00:00 AM</t>
  </si>
  <si>
    <t>4581</t>
  </si>
  <si>
    <t>1594</t>
  </si>
  <si>
    <t>10541</t>
  </si>
  <si>
    <t>2483</t>
  </si>
  <si>
    <t>SOTARA</t>
  </si>
  <si>
    <t>18354</t>
  </si>
  <si>
    <t>30500</t>
  </si>
  <si>
    <t>2298</t>
  </si>
  <si>
    <t>16400</t>
  </si>
  <si>
    <t>03/08/2010 12:00:00 AM</t>
  </si>
  <si>
    <t>8670</t>
  </si>
  <si>
    <t>5486</t>
  </si>
  <si>
    <t>1605</t>
  </si>
  <si>
    <t>2765</t>
  </si>
  <si>
    <t>4625</t>
  </si>
  <si>
    <t>05/29/2010 12:00:00 AM</t>
  </si>
  <si>
    <t>4058</t>
  </si>
  <si>
    <t>05/28/2010 12:00:00 AM</t>
  </si>
  <si>
    <t>3831</t>
  </si>
  <si>
    <t>4663</t>
  </si>
  <si>
    <t>3795</t>
  </si>
  <si>
    <t>MESETAS</t>
  </si>
  <si>
    <t>6395</t>
  </si>
  <si>
    <t>1311</t>
  </si>
  <si>
    <t>320000</t>
  </si>
  <si>
    <t>3891</t>
  </si>
  <si>
    <t>1146</t>
  </si>
  <si>
    <t>7600</t>
  </si>
  <si>
    <t>05/27/2010 12:00:00 AM</t>
  </si>
  <si>
    <t>5747</t>
  </si>
  <si>
    <t>201800</t>
  </si>
  <si>
    <t>142420</t>
  </si>
  <si>
    <t>4260</t>
  </si>
  <si>
    <t>6563</t>
  </si>
  <si>
    <t>984</t>
  </si>
  <si>
    <t>33189</t>
  </si>
  <si>
    <t>05/26/2010 12:00:00 AM</t>
  </si>
  <si>
    <t>414000</t>
  </si>
  <si>
    <t>1843</t>
  </si>
  <si>
    <t>4460</t>
  </si>
  <si>
    <t>3045</t>
  </si>
  <si>
    <t>05/25/2010 12:00:00 AM</t>
  </si>
  <si>
    <t>3634</t>
  </si>
  <si>
    <t>7140</t>
  </si>
  <si>
    <t>131489</t>
  </si>
  <si>
    <t>5203</t>
  </si>
  <si>
    <t>101250</t>
  </si>
  <si>
    <t>18236</t>
  </si>
  <si>
    <t>2161</t>
  </si>
  <si>
    <t>05/24/2010 12:00:00 AM</t>
  </si>
  <si>
    <t>1876</t>
  </si>
  <si>
    <t>1483000</t>
  </si>
  <si>
    <t>2633</t>
  </si>
  <si>
    <t>1702</t>
  </si>
  <si>
    <t>1437</t>
  </si>
  <si>
    <t>2515</t>
  </si>
  <si>
    <t>05/23/2010 12:00:00 AM</t>
  </si>
  <si>
    <t>6305</t>
  </si>
  <si>
    <t>1529</t>
  </si>
  <si>
    <t>5325</t>
  </si>
  <si>
    <t>175180</t>
  </si>
  <si>
    <t>05/22/2010 12:00:00 AM</t>
  </si>
  <si>
    <t>2653</t>
  </si>
  <si>
    <t>22785</t>
  </si>
  <si>
    <t>3230</t>
  </si>
  <si>
    <t>32083</t>
  </si>
  <si>
    <t>5419</t>
  </si>
  <si>
    <t>979</t>
  </si>
  <si>
    <t>856</t>
  </si>
  <si>
    <t>129000</t>
  </si>
  <si>
    <t>ARAUQUITA</t>
  </si>
  <si>
    <t>8393</t>
  </si>
  <si>
    <t>05/21/2010 12:00:00 AM</t>
  </si>
  <si>
    <t>72250</t>
  </si>
  <si>
    <t>14336</t>
  </si>
  <si>
    <t>595000</t>
  </si>
  <si>
    <t>13773</t>
  </si>
  <si>
    <t>149743</t>
  </si>
  <si>
    <t>272000</t>
  </si>
  <si>
    <t>12477</t>
  </si>
  <si>
    <t>79197</t>
  </si>
  <si>
    <t>121725</t>
  </si>
  <si>
    <t>05/20/2010 12:00:00 AM</t>
  </si>
  <si>
    <t>67108</t>
  </si>
  <si>
    <t>2552</t>
  </si>
  <si>
    <t>4427</t>
  </si>
  <si>
    <t>9990</t>
  </si>
  <si>
    <t>22255</t>
  </si>
  <si>
    <t>5595</t>
  </si>
  <si>
    <t>143906</t>
  </si>
  <si>
    <t>11700</t>
  </si>
  <si>
    <t>05/19/2010 12:00:00 AM</t>
  </si>
  <si>
    <t>23720</t>
  </si>
  <si>
    <t>8515</t>
  </si>
  <si>
    <t>QUITO</t>
  </si>
  <si>
    <t>4555</t>
  </si>
  <si>
    <t>2910</t>
  </si>
  <si>
    <t>5284</t>
  </si>
  <si>
    <t>246900</t>
  </si>
  <si>
    <t>3915</t>
  </si>
  <si>
    <t>11665</t>
  </si>
  <si>
    <t>05/18/2010 12:00:00 AM</t>
  </si>
  <si>
    <t>1879</t>
  </si>
  <si>
    <t>3852</t>
  </si>
  <si>
    <t>4092</t>
  </si>
  <si>
    <t>6141</t>
  </si>
  <si>
    <t>7705</t>
  </si>
  <si>
    <t>2085</t>
  </si>
  <si>
    <t>9913</t>
  </si>
  <si>
    <t>1033</t>
  </si>
  <si>
    <t>05/17/2010 12:00:00 AM</t>
  </si>
  <si>
    <t>05/16/2010 12:00:00 AM</t>
  </si>
  <si>
    <t>4400</t>
  </si>
  <si>
    <t>51135</t>
  </si>
  <si>
    <t>5223</t>
  </si>
  <si>
    <t>05/15/2010 12:00:00 AM</t>
  </si>
  <si>
    <t>1491</t>
  </si>
  <si>
    <t>5358</t>
  </si>
  <si>
    <t>4897</t>
  </si>
  <si>
    <t>1332</t>
  </si>
  <si>
    <t>3224</t>
  </si>
  <si>
    <t>05/14/2010 12:00:00 AM</t>
  </si>
  <si>
    <t>10500</t>
  </si>
  <si>
    <t>SAN ANTONIO</t>
  </si>
  <si>
    <t>DOLORES</t>
  </si>
  <si>
    <t>236500</t>
  </si>
  <si>
    <t>5218</t>
  </si>
  <si>
    <t>3899</t>
  </si>
  <si>
    <t>GARAJE</t>
  </si>
  <si>
    <t>05/13/2010 12:00:00 AM</t>
  </si>
  <si>
    <t>1353</t>
  </si>
  <si>
    <t>1028000</t>
  </si>
  <si>
    <t>15469</t>
  </si>
  <si>
    <t>4709</t>
  </si>
  <si>
    <t>1244</t>
  </si>
  <si>
    <t>24271</t>
  </si>
  <si>
    <t>1579</t>
  </si>
  <si>
    <t>5233</t>
  </si>
  <si>
    <t>05/12/2010 12:00:00 AM</t>
  </si>
  <si>
    <t>91311</t>
  </si>
  <si>
    <t>945443</t>
  </si>
  <si>
    <t>8835</t>
  </si>
  <si>
    <t>7242</t>
  </si>
  <si>
    <t>10880</t>
  </si>
  <si>
    <t>1861</t>
  </si>
  <si>
    <t>5355</t>
  </si>
  <si>
    <t>709</t>
  </si>
  <si>
    <t>28055</t>
  </si>
  <si>
    <t>1851</t>
  </si>
  <si>
    <t>05/11/2010 12:00:00 AM</t>
  </si>
  <si>
    <t>66125</t>
  </si>
  <si>
    <t>2682</t>
  </si>
  <si>
    <t>3957</t>
  </si>
  <si>
    <t>9085</t>
  </si>
  <si>
    <t>3411</t>
  </si>
  <si>
    <t>79158</t>
  </si>
  <si>
    <t>2574</t>
  </si>
  <si>
    <t>05/10/2010 12:00:00 AM</t>
  </si>
  <si>
    <t>5026</t>
  </si>
  <si>
    <t>705</t>
  </si>
  <si>
    <t>99967</t>
  </si>
  <si>
    <t>1985</t>
  </si>
  <si>
    <t>12118</t>
  </si>
  <si>
    <t>32795</t>
  </si>
  <si>
    <t>2370</t>
  </si>
  <si>
    <t>2314</t>
  </si>
  <si>
    <t>05/09/2010 12:00:00 AM</t>
  </si>
  <si>
    <t>1549</t>
  </si>
  <si>
    <t>495000</t>
  </si>
  <si>
    <t>12595</t>
  </si>
  <si>
    <t>14950</t>
  </si>
  <si>
    <t>1446</t>
  </si>
  <si>
    <t>3594</t>
  </si>
  <si>
    <t>05/08/2010 12:00:00 AM</t>
  </si>
  <si>
    <t>3260</t>
  </si>
  <si>
    <t>10010</t>
  </si>
  <si>
    <t>6666</t>
  </si>
  <si>
    <t>48465</t>
  </si>
  <si>
    <t>277600</t>
  </si>
  <si>
    <t>05/07/2010 12:00:00 AM</t>
  </si>
  <si>
    <t>17833</t>
  </si>
  <si>
    <t>16845</t>
  </si>
  <si>
    <t>1608</t>
  </si>
  <si>
    <t>05/06/2010 12:00:00 AM</t>
  </si>
  <si>
    <t>1131</t>
  </si>
  <si>
    <t>176000</t>
  </si>
  <si>
    <t>12077</t>
  </si>
  <si>
    <t>50400</t>
  </si>
  <si>
    <t>3011</t>
  </si>
  <si>
    <t>05/05/2010 12:00:00 AM</t>
  </si>
  <si>
    <t>5178</t>
  </si>
  <si>
    <t>264000</t>
  </si>
  <si>
    <t>14124</t>
  </si>
  <si>
    <t>7407</t>
  </si>
  <si>
    <t>3010</t>
  </si>
  <si>
    <t>2256</t>
  </si>
  <si>
    <t>34850</t>
  </si>
  <si>
    <t>05/04/2010 12:00:00 AM</t>
  </si>
  <si>
    <t>226000</t>
  </si>
  <si>
    <t>85382</t>
  </si>
  <si>
    <t>737</t>
  </si>
  <si>
    <t>1006</t>
  </si>
  <si>
    <t>323480</t>
  </si>
  <si>
    <t>PUERTO LLERAS</t>
  </si>
  <si>
    <t>3798</t>
  </si>
  <si>
    <t>3773</t>
  </si>
  <si>
    <t>33475</t>
  </si>
  <si>
    <t>698772</t>
  </si>
  <si>
    <t>1402</t>
  </si>
  <si>
    <t>05/03/2010 12:00:00 AM</t>
  </si>
  <si>
    <t>1518</t>
  </si>
  <si>
    <t>4231</t>
  </si>
  <si>
    <t>5845</t>
  </si>
  <si>
    <t>3781</t>
  </si>
  <si>
    <t>5573</t>
  </si>
  <si>
    <t>279020</t>
  </si>
  <si>
    <t>05/02/2010 12:00:00 AM</t>
  </si>
  <si>
    <t>28639</t>
  </si>
  <si>
    <t>571000</t>
  </si>
  <si>
    <t>51253</t>
  </si>
  <si>
    <t>1872</t>
  </si>
  <si>
    <t>11947</t>
  </si>
  <si>
    <t>9516</t>
  </si>
  <si>
    <t>05/01/2010 12:00:00 AM</t>
  </si>
  <si>
    <t>26100</t>
  </si>
  <si>
    <t>1071180</t>
  </si>
  <si>
    <t>2693</t>
  </si>
  <si>
    <t>BUS MASIVO INTEGRAL DE OCCIDENTE M.I.O.</t>
  </si>
  <si>
    <t>1187</t>
  </si>
  <si>
    <t>518000</t>
  </si>
  <si>
    <t>2865</t>
  </si>
  <si>
    <t>2215</t>
  </si>
  <si>
    <t>04/30/2010 12:00:00 AM</t>
  </si>
  <si>
    <t>14373</t>
  </si>
  <si>
    <t>10020</t>
  </si>
  <si>
    <t>519200</t>
  </si>
  <si>
    <t>228170</t>
  </si>
  <si>
    <t>23419</t>
  </si>
  <si>
    <t>04/29/2010 12:00:00 AM</t>
  </si>
  <si>
    <t>79181</t>
  </si>
  <si>
    <t>1177</t>
  </si>
  <si>
    <t>423000</t>
  </si>
  <si>
    <t>7289</t>
  </si>
  <si>
    <t>4223</t>
  </si>
  <si>
    <t>20864</t>
  </si>
  <si>
    <t>1022</t>
  </si>
  <si>
    <t>3298</t>
  </si>
  <si>
    <t>1875000</t>
  </si>
  <si>
    <t>7797</t>
  </si>
  <si>
    <t>62635</t>
  </si>
  <si>
    <t>3705</t>
  </si>
  <si>
    <t>203000</t>
  </si>
  <si>
    <t>04/28/2010 12:00:00 AM</t>
  </si>
  <si>
    <t>EMISORAS</t>
  </si>
  <si>
    <t>2168</t>
  </si>
  <si>
    <t>1917</t>
  </si>
  <si>
    <t>2330000</t>
  </si>
  <si>
    <t>4853</t>
  </si>
  <si>
    <t>7716</t>
  </si>
  <si>
    <t>04/27/2010 12:00:00 AM</t>
  </si>
  <si>
    <t>15400</t>
  </si>
  <si>
    <t>6580</t>
  </si>
  <si>
    <t>65826</t>
  </si>
  <si>
    <t>189000</t>
  </si>
  <si>
    <t>29800</t>
  </si>
  <si>
    <t>20822</t>
  </si>
  <si>
    <t>59495</t>
  </si>
  <si>
    <t>1635</t>
  </si>
  <si>
    <t>5608</t>
  </si>
  <si>
    <t>620000</t>
  </si>
  <si>
    <t>04/26/2010 12:00:00 AM</t>
  </si>
  <si>
    <t>27500</t>
  </si>
  <si>
    <t>4855</t>
  </si>
  <si>
    <t>4360</t>
  </si>
  <si>
    <t>1948</t>
  </si>
  <si>
    <t>15279</t>
  </si>
  <si>
    <t>8028</t>
  </si>
  <si>
    <t>04/25/2010 12:00:00 AM</t>
  </si>
  <si>
    <t>25162</t>
  </si>
  <si>
    <t>1705</t>
  </si>
  <si>
    <t>924</t>
  </si>
  <si>
    <t>5251</t>
  </si>
  <si>
    <t>3240</t>
  </si>
  <si>
    <t>04/24/2010 12:00:00 AM</t>
  </si>
  <si>
    <t>8231</t>
  </si>
  <si>
    <t>ANZOÁTEGUI</t>
  </si>
  <si>
    <t>16410</t>
  </si>
  <si>
    <t>154064</t>
  </si>
  <si>
    <t>04/23/2010 12:00:00 AM</t>
  </si>
  <si>
    <t>2901</t>
  </si>
  <si>
    <t>1930</t>
  </si>
  <si>
    <t>14472</t>
  </si>
  <si>
    <t>117903</t>
  </si>
  <si>
    <t>147152</t>
  </si>
  <si>
    <t>04/22/2010 12:00:00 AM</t>
  </si>
  <si>
    <t>12540</t>
  </si>
  <si>
    <t>879</t>
  </si>
  <si>
    <t>457000</t>
  </si>
  <si>
    <t>14100</t>
  </si>
  <si>
    <t>601000</t>
  </si>
  <si>
    <t>12858</t>
  </si>
  <si>
    <t>10124</t>
  </si>
  <si>
    <t>10371</t>
  </si>
  <si>
    <t>23860</t>
  </si>
  <si>
    <t>7143</t>
  </si>
  <si>
    <t>318000</t>
  </si>
  <si>
    <t>04/21/2010 12:00:00 AM</t>
  </si>
  <si>
    <t>2893</t>
  </si>
  <si>
    <t>51089</t>
  </si>
  <si>
    <t>798</t>
  </si>
  <si>
    <t>9372</t>
  </si>
  <si>
    <t>6015</t>
  </si>
  <si>
    <t>3239</t>
  </si>
  <si>
    <t>4346</t>
  </si>
  <si>
    <t>04/20/2010 12:00:00 AM</t>
  </si>
  <si>
    <t>14450</t>
  </si>
  <si>
    <t>2799</t>
  </si>
  <si>
    <t>4171</t>
  </si>
  <si>
    <t>2457</t>
  </si>
  <si>
    <t>4984</t>
  </si>
  <si>
    <t>04/19/2010 12:00:00 AM</t>
  </si>
  <si>
    <t>1855</t>
  </si>
  <si>
    <t>1849</t>
  </si>
  <si>
    <t>5452</t>
  </si>
  <si>
    <t>04/18/2010 12:00:00 AM</t>
  </si>
  <si>
    <t>2229</t>
  </si>
  <si>
    <t>27545</t>
  </si>
  <si>
    <t>3533</t>
  </si>
  <si>
    <t>4775</t>
  </si>
  <si>
    <t>908</t>
  </si>
  <si>
    <t>373690</t>
  </si>
  <si>
    <t>04/17/2010 12:00:00 AM</t>
  </si>
  <si>
    <t>15100</t>
  </si>
  <si>
    <t>5340</t>
  </si>
  <si>
    <t>3228</t>
  </si>
  <si>
    <t>1065</t>
  </si>
  <si>
    <t>216004</t>
  </si>
  <si>
    <t>1862000</t>
  </si>
  <si>
    <t>3592</t>
  </si>
  <si>
    <t>04/16/2010 12:00:00 AM</t>
  </si>
  <si>
    <t>30268</t>
  </si>
  <si>
    <t>989</t>
  </si>
  <si>
    <t>5430</t>
  </si>
  <si>
    <t>2059</t>
  </si>
  <si>
    <t>55294</t>
  </si>
  <si>
    <t>10445</t>
  </si>
  <si>
    <t>TINJACÁ</t>
  </si>
  <si>
    <t>6554</t>
  </si>
  <si>
    <t>04/15/2010 12:00:00 AM</t>
  </si>
  <si>
    <t>911055</t>
  </si>
  <si>
    <t>9885</t>
  </si>
  <si>
    <t>276000</t>
  </si>
  <si>
    <t>1304</t>
  </si>
  <si>
    <t>230561</t>
  </si>
  <si>
    <t>62200</t>
  </si>
  <si>
    <t>04/14/2010 12:00:00 AM</t>
  </si>
  <si>
    <t>8118</t>
  </si>
  <si>
    <t>3284</t>
  </si>
  <si>
    <t>83575</t>
  </si>
  <si>
    <t>1673</t>
  </si>
  <si>
    <t>04/13/2010 12:00:00 AM</t>
  </si>
  <si>
    <t>8353</t>
  </si>
  <si>
    <t>1893</t>
  </si>
  <si>
    <t>6134</t>
  </si>
  <si>
    <t>2259</t>
  </si>
  <si>
    <t>212412</t>
  </si>
  <si>
    <t>1278</t>
  </si>
  <si>
    <t>04/12/2010 12:00:00 AM</t>
  </si>
  <si>
    <t>201889</t>
  </si>
  <si>
    <t>3268</t>
  </si>
  <si>
    <t>04/11/2010 12:00:00 AM</t>
  </si>
  <si>
    <t>10145</t>
  </si>
  <si>
    <t>2372</t>
  </si>
  <si>
    <t>PALMAR</t>
  </si>
  <si>
    <t>11555</t>
  </si>
  <si>
    <t>60674</t>
  </si>
  <si>
    <t>2664</t>
  </si>
  <si>
    <t>750725</t>
  </si>
  <si>
    <t>04/10/2010 12:00:00 AM</t>
  </si>
  <si>
    <t>1227</t>
  </si>
  <si>
    <t>1856</t>
  </si>
  <si>
    <t>610200</t>
  </si>
  <si>
    <t>5514</t>
  </si>
  <si>
    <t>20017</t>
  </si>
  <si>
    <t>04/09/2010 12:00:00 AM</t>
  </si>
  <si>
    <t>2224</t>
  </si>
  <si>
    <t>12487</t>
  </si>
  <si>
    <t>2056</t>
  </si>
  <si>
    <t>541000</t>
  </si>
  <si>
    <t>4689</t>
  </si>
  <si>
    <t>04/08/2010 12:00:00 AM</t>
  </si>
  <si>
    <t>1257</t>
  </si>
  <si>
    <t>1785</t>
  </si>
  <si>
    <t>788</t>
  </si>
  <si>
    <t>NEW YORK</t>
  </si>
  <si>
    <t>18143</t>
  </si>
  <si>
    <t>335042</t>
  </si>
  <si>
    <t>325095</t>
  </si>
  <si>
    <t>3030</t>
  </si>
  <si>
    <t>2791</t>
  </si>
  <si>
    <t>04/07/2010 12:00:00 AM</t>
  </si>
  <si>
    <t>5900</t>
  </si>
  <si>
    <t>6241</t>
  </si>
  <si>
    <t>1351</t>
  </si>
  <si>
    <t>15622</t>
  </si>
  <si>
    <t>5250</t>
  </si>
  <si>
    <t>04/06/2010 12:00:00 AM</t>
  </si>
  <si>
    <t>53010</t>
  </si>
  <si>
    <t>6175</t>
  </si>
  <si>
    <t>283000</t>
  </si>
  <si>
    <t>248860</t>
  </si>
  <si>
    <t>2036</t>
  </si>
  <si>
    <t>3547</t>
  </si>
  <si>
    <t>04/05/2010 12:00:00 AM</t>
  </si>
  <si>
    <t>365400</t>
  </si>
  <si>
    <t>9151</t>
  </si>
  <si>
    <t>04/04/2010 12:00:00 AM</t>
  </si>
  <si>
    <t>1334</t>
  </si>
  <si>
    <t>22100</t>
  </si>
  <si>
    <t>3685</t>
  </si>
  <si>
    <t>74400</t>
  </si>
  <si>
    <t>04/03/2010 12:00:00 AM</t>
  </si>
  <si>
    <t>5185</t>
  </si>
  <si>
    <t>4550</t>
  </si>
  <si>
    <t>21450</t>
  </si>
  <si>
    <t>3336</t>
  </si>
  <si>
    <t>6473</t>
  </si>
  <si>
    <t>4086</t>
  </si>
  <si>
    <t>04/02/2010 12:00:00 AM</t>
  </si>
  <si>
    <t>53802</t>
  </si>
  <si>
    <t>1757</t>
  </si>
  <si>
    <t>2517</t>
  </si>
  <si>
    <t>1611</t>
  </si>
  <si>
    <t>06/18/2010 12:00:00 AM</t>
  </si>
  <si>
    <t>380000</t>
  </si>
  <si>
    <t>5856</t>
  </si>
  <si>
    <t>2415000</t>
  </si>
  <si>
    <t>1436</t>
  </si>
  <si>
    <t>06/17/2010 12:00:00 AM</t>
  </si>
  <si>
    <t>2622</t>
  </si>
  <si>
    <t>1587</t>
  </si>
  <si>
    <t>147000</t>
  </si>
  <si>
    <t>7300</t>
  </si>
  <si>
    <t>217191</t>
  </si>
  <si>
    <t>6649</t>
  </si>
  <si>
    <t>3870</t>
  </si>
  <si>
    <t>119000</t>
  </si>
  <si>
    <t>17488</t>
  </si>
  <si>
    <t>06/16/2010 12:00:00 AM</t>
  </si>
  <si>
    <t>6673</t>
  </si>
  <si>
    <t>1089</t>
  </si>
  <si>
    <t>375000</t>
  </si>
  <si>
    <t>06/15/2010 12:00:00 AM</t>
  </si>
  <si>
    <t>36100</t>
  </si>
  <si>
    <t>2745041</t>
  </si>
  <si>
    <t>23325</t>
  </si>
  <si>
    <t>11370</t>
  </si>
  <si>
    <t>2073</t>
  </si>
  <si>
    <t>SAN PABLO DE BORBUR</t>
  </si>
  <si>
    <t>135000</t>
  </si>
  <si>
    <t>06/14/2010 12:00:00 AM</t>
  </si>
  <si>
    <t>5451</t>
  </si>
  <si>
    <t>1498</t>
  </si>
  <si>
    <t>4210</t>
  </si>
  <si>
    <t>06/13/2010 12:00:00 AM</t>
  </si>
  <si>
    <t>1404</t>
  </si>
  <si>
    <t>2814</t>
  </si>
  <si>
    <t>3812</t>
  </si>
  <si>
    <t>2409</t>
  </si>
  <si>
    <t>36513</t>
  </si>
  <si>
    <t>8160</t>
  </si>
  <si>
    <t>06/12/2010 12:00:00 AM</t>
  </si>
  <si>
    <t>850000</t>
  </si>
  <si>
    <t>2062</t>
  </si>
  <si>
    <t>1505</t>
  </si>
  <si>
    <t>1013000</t>
  </si>
  <si>
    <t>5170</t>
  </si>
  <si>
    <t>1276</t>
  </si>
  <si>
    <t>06/11/2010 12:00:00 AM</t>
  </si>
  <si>
    <t>3192</t>
  </si>
  <si>
    <t>6082</t>
  </si>
  <si>
    <t>4218</t>
  </si>
  <si>
    <t>1427</t>
  </si>
  <si>
    <t>2031</t>
  </si>
  <si>
    <t>56360</t>
  </si>
  <si>
    <t>2273</t>
  </si>
  <si>
    <t>658</t>
  </si>
  <si>
    <t>06/10/2010 12:00:00 AM</t>
  </si>
  <si>
    <t>290049</t>
  </si>
  <si>
    <t>70140</t>
  </si>
  <si>
    <t>2700000</t>
  </si>
  <si>
    <t>19700</t>
  </si>
  <si>
    <t>3326</t>
  </si>
  <si>
    <t>06/09/2010 12:00:00 AM</t>
  </si>
  <si>
    <t>1619</t>
  </si>
  <si>
    <t>14421</t>
  </si>
  <si>
    <t>466200</t>
  </si>
  <si>
    <t>893</t>
  </si>
  <si>
    <t>170255</t>
  </si>
  <si>
    <t>35684</t>
  </si>
  <si>
    <t>744</t>
  </si>
  <si>
    <t>06/08/2010 12:00:00 AM</t>
  </si>
  <si>
    <t>4167</t>
  </si>
  <si>
    <t>3808</t>
  </si>
  <si>
    <t>3439</t>
  </si>
  <si>
    <t>SATIVANORTE</t>
  </si>
  <si>
    <t>2620</t>
  </si>
  <si>
    <t>06/07/2010 12:00:00 AM</t>
  </si>
  <si>
    <t>2846</t>
  </si>
  <si>
    <t>68845</t>
  </si>
  <si>
    <t>06/06/2010 12:00:00 AM</t>
  </si>
  <si>
    <t>1312</t>
  </si>
  <si>
    <t>06/05/2010 12:00:00 AM</t>
  </si>
  <si>
    <t>10240</t>
  </si>
  <si>
    <t>58500</t>
  </si>
  <si>
    <t>234000</t>
  </si>
  <si>
    <t>3615</t>
  </si>
  <si>
    <t>64712</t>
  </si>
  <si>
    <t>2748</t>
  </si>
  <si>
    <t>06/04/2010 12:00:00 AM</t>
  </si>
  <si>
    <t>37500</t>
  </si>
  <si>
    <t>12800</t>
  </si>
  <si>
    <t>6431</t>
  </si>
  <si>
    <t>33571</t>
  </si>
  <si>
    <t>11942</t>
  </si>
  <si>
    <t>06/03/2010 12:00:00 AM</t>
  </si>
  <si>
    <t>5160</t>
  </si>
  <si>
    <t>9502</t>
  </si>
  <si>
    <t>4551</t>
  </si>
  <si>
    <t>20530</t>
  </si>
  <si>
    <t>CUBARÁ</t>
  </si>
  <si>
    <t>2471</t>
  </si>
  <si>
    <t>06/02/2010 12:00:00 AM</t>
  </si>
  <si>
    <t>2758</t>
  </si>
  <si>
    <t>5582</t>
  </si>
  <si>
    <t>15807</t>
  </si>
  <si>
    <t>06/01/2010 12:00:00 AM</t>
  </si>
  <si>
    <t>4496</t>
  </si>
  <si>
    <t>887</t>
  </si>
  <si>
    <t>77994</t>
  </si>
  <si>
    <t>5024</t>
  </si>
  <si>
    <t>64920</t>
  </si>
  <si>
    <t>6921</t>
  </si>
  <si>
    <t>05/31/2010 12:00:00 AM</t>
  </si>
  <si>
    <t>5190</t>
  </si>
  <si>
    <t>16600</t>
  </si>
  <si>
    <t>3789</t>
  </si>
  <si>
    <t>11250</t>
  </si>
  <si>
    <t>5819</t>
  </si>
  <si>
    <t>05/30/2010 12:00:00 AM</t>
  </si>
  <si>
    <t>7097</t>
  </si>
  <si>
    <t>2047</t>
  </si>
  <si>
    <t>40600</t>
  </si>
  <si>
    <t>07/24/2010 12:00:00 AM</t>
  </si>
  <si>
    <t>3140</t>
  </si>
  <si>
    <t>TUCHÍN</t>
  </si>
  <si>
    <t>5055</t>
  </si>
  <si>
    <t>2420</t>
  </si>
  <si>
    <t>1501</t>
  </si>
  <si>
    <t>07/23/2010 12:00:00 AM</t>
  </si>
  <si>
    <t>5041</t>
  </si>
  <si>
    <t>1388</t>
  </si>
  <si>
    <t>695000</t>
  </si>
  <si>
    <t>LÓPEZ</t>
  </si>
  <si>
    <t>2295</t>
  </si>
  <si>
    <t>460055</t>
  </si>
  <si>
    <t>07/22/2010 12:00:00 AM</t>
  </si>
  <si>
    <t>3527</t>
  </si>
  <si>
    <t>4766</t>
  </si>
  <si>
    <t>5155</t>
  </si>
  <si>
    <t>2122</t>
  </si>
  <si>
    <t>91970</t>
  </si>
  <si>
    <t>2427</t>
  </si>
  <si>
    <t>07/21/2010 12:00:00 AM</t>
  </si>
  <si>
    <t>4392</t>
  </si>
  <si>
    <t>1527</t>
  </si>
  <si>
    <t>46632</t>
  </si>
  <si>
    <t>11963</t>
  </si>
  <si>
    <t>123114</t>
  </si>
  <si>
    <t>886000</t>
  </si>
  <si>
    <t>6445</t>
  </si>
  <si>
    <t>07/20/2010 12:00:00 AM</t>
  </si>
  <si>
    <t>5023</t>
  </si>
  <si>
    <t>2965</t>
  </si>
  <si>
    <t>07/19/2010 12:00:00 AM</t>
  </si>
  <si>
    <t>1532</t>
  </si>
  <si>
    <t>183285</t>
  </si>
  <si>
    <t>1956</t>
  </si>
  <si>
    <t>194800</t>
  </si>
  <si>
    <t>1717</t>
  </si>
  <si>
    <t>07/18/2010 12:00:00 AM</t>
  </si>
  <si>
    <t>1342</t>
  </si>
  <si>
    <t>43364</t>
  </si>
  <si>
    <t>195000</t>
  </si>
  <si>
    <t>597000</t>
  </si>
  <si>
    <t>2223</t>
  </si>
  <si>
    <t>07/17/2010 12:00:00 AM</t>
  </si>
  <si>
    <t>1681</t>
  </si>
  <si>
    <t>5755</t>
  </si>
  <si>
    <t>3848</t>
  </si>
  <si>
    <t>6742</t>
  </si>
  <si>
    <t>07/16/2010 12:00:00 AM</t>
  </si>
  <si>
    <t>24156</t>
  </si>
  <si>
    <t>2838</t>
  </si>
  <si>
    <t>64036</t>
  </si>
  <si>
    <t>18825</t>
  </si>
  <si>
    <t>5945</t>
  </si>
  <si>
    <t>5300</t>
  </si>
  <si>
    <t>1051</t>
  </si>
  <si>
    <t>3758</t>
  </si>
  <si>
    <t>60200</t>
  </si>
  <si>
    <t>197700</t>
  </si>
  <si>
    <t>07/15/2010 12:00:00 AM</t>
  </si>
  <si>
    <t>379000</t>
  </si>
  <si>
    <t>12521</t>
  </si>
  <si>
    <t>5018</t>
  </si>
  <si>
    <t>2376</t>
  </si>
  <si>
    <t>5140</t>
  </si>
  <si>
    <t>1283</t>
  </si>
  <si>
    <t>6695</t>
  </si>
  <si>
    <t>425418</t>
  </si>
  <si>
    <t>07/14/2010 12:00:00 AM</t>
  </si>
  <si>
    <t>10580</t>
  </si>
  <si>
    <t>78848</t>
  </si>
  <si>
    <t>3167</t>
  </si>
  <si>
    <t>8381</t>
  </si>
  <si>
    <t>07/13/2010 12:00:00 AM</t>
  </si>
  <si>
    <t>198398</t>
  </si>
  <si>
    <t>10713</t>
  </si>
  <si>
    <t>18364</t>
  </si>
  <si>
    <t>3727</t>
  </si>
  <si>
    <t>1769</t>
  </si>
  <si>
    <t>07/12/2010 12:00:00 AM</t>
  </si>
  <si>
    <t>3311</t>
  </si>
  <si>
    <t>46000</t>
  </si>
  <si>
    <t>2987</t>
  </si>
  <si>
    <t>8850</t>
  </si>
  <si>
    <t>4710</t>
  </si>
  <si>
    <t>07/11/2010 12:00:00 AM</t>
  </si>
  <si>
    <t>104690</t>
  </si>
  <si>
    <t>20042</t>
  </si>
  <si>
    <t>1743</t>
  </si>
  <si>
    <t>6080</t>
  </si>
  <si>
    <t>07/10/2010 12:00:00 AM</t>
  </si>
  <si>
    <t>8400</t>
  </si>
  <si>
    <t>3080</t>
  </si>
  <si>
    <t>2304</t>
  </si>
  <si>
    <t>2347</t>
  </si>
  <si>
    <t>3741</t>
  </si>
  <si>
    <t>07/09/2010 12:00:00 AM</t>
  </si>
  <si>
    <t>4061</t>
  </si>
  <si>
    <t>10598</t>
  </si>
  <si>
    <t>21074</t>
  </si>
  <si>
    <t>07/08/2010 12:00:00 AM</t>
  </si>
  <si>
    <t>129850</t>
  </si>
  <si>
    <t>273795</t>
  </si>
  <si>
    <t>822</t>
  </si>
  <si>
    <t>TANQUE DE AGUA</t>
  </si>
  <si>
    <t>14096</t>
  </si>
  <si>
    <t>285772</t>
  </si>
  <si>
    <t>5809</t>
  </si>
  <si>
    <t>25080</t>
  </si>
  <si>
    <t>07/07/2010 12:00:00 AM</t>
  </si>
  <si>
    <t>1143</t>
  </si>
  <si>
    <t>12455</t>
  </si>
  <si>
    <t>3510</t>
  </si>
  <si>
    <t>8062</t>
  </si>
  <si>
    <t>15077</t>
  </si>
  <si>
    <t>07/06/2010 12:00:00 AM</t>
  </si>
  <si>
    <t>1038</t>
  </si>
  <si>
    <t>12033</t>
  </si>
  <si>
    <t>2120</t>
  </si>
  <si>
    <t>07/05/2010 12:00:00 AM</t>
  </si>
  <si>
    <t>6890</t>
  </si>
  <si>
    <t>4568</t>
  </si>
  <si>
    <t>48507</t>
  </si>
  <si>
    <t>07/04/2010 12:00:00 AM</t>
  </si>
  <si>
    <t>VETAS</t>
  </si>
  <si>
    <t>1994</t>
  </si>
  <si>
    <t>EL CALVARIO</t>
  </si>
  <si>
    <t>86500</t>
  </si>
  <si>
    <t>2287</t>
  </si>
  <si>
    <t>402804</t>
  </si>
  <si>
    <t>1551</t>
  </si>
  <si>
    <t>07/03/2010 12:00:00 AM</t>
  </si>
  <si>
    <t>5545</t>
  </si>
  <si>
    <t>733760</t>
  </si>
  <si>
    <t>722960</t>
  </si>
  <si>
    <t>07/02/2010 12:00:00 AM</t>
  </si>
  <si>
    <t>1462</t>
  </si>
  <si>
    <t>9018</t>
  </si>
  <si>
    <t>106000</t>
  </si>
  <si>
    <t>1612</t>
  </si>
  <si>
    <t>1576</t>
  </si>
  <si>
    <t>07/01/2010 12:00:00 AM</t>
  </si>
  <si>
    <t>3364</t>
  </si>
  <si>
    <t>26135</t>
  </si>
  <si>
    <t>847</t>
  </si>
  <si>
    <t>06/30/2010 12:00:00 AM</t>
  </si>
  <si>
    <t>94675</t>
  </si>
  <si>
    <t>686</t>
  </si>
  <si>
    <t>5850</t>
  </si>
  <si>
    <t>79000</t>
  </si>
  <si>
    <t>1506</t>
  </si>
  <si>
    <t>653740</t>
  </si>
  <si>
    <t>11321</t>
  </si>
  <si>
    <t>1281</t>
  </si>
  <si>
    <t>10739</t>
  </si>
  <si>
    <t>11043</t>
  </si>
  <si>
    <t>06/29/2010 12:00:00 AM</t>
  </si>
  <si>
    <t>2038</t>
  </si>
  <si>
    <t>30474</t>
  </si>
  <si>
    <t>32835</t>
  </si>
  <si>
    <t>6860</t>
  </si>
  <si>
    <t>27758</t>
  </si>
  <si>
    <t>06/28/2010 12:00:00 AM</t>
  </si>
  <si>
    <t>3231</t>
  </si>
  <si>
    <t>3019</t>
  </si>
  <si>
    <t>06/27/2010 12:00:00 AM</t>
  </si>
  <si>
    <t>97266</t>
  </si>
  <si>
    <t>15500</t>
  </si>
  <si>
    <t>12123</t>
  </si>
  <si>
    <t>06/26/2010 12:00:00 AM</t>
  </si>
  <si>
    <t>121723</t>
  </si>
  <si>
    <t>141597</t>
  </si>
  <si>
    <t>54079</t>
  </si>
  <si>
    <t>06/25/2010 12:00:00 AM</t>
  </si>
  <si>
    <t>1886</t>
  </si>
  <si>
    <t>2416</t>
  </si>
  <si>
    <t>2026</t>
  </si>
  <si>
    <t>26130</t>
  </si>
  <si>
    <t>3863</t>
  </si>
  <si>
    <t>171000</t>
  </si>
  <si>
    <t>18163</t>
  </si>
  <si>
    <t>06/24/2010 12:00:00 AM</t>
  </si>
  <si>
    <t>17049</t>
  </si>
  <si>
    <t>18460</t>
  </si>
  <si>
    <t>334879</t>
  </si>
  <si>
    <t>3357</t>
  </si>
  <si>
    <t>2405</t>
  </si>
  <si>
    <t>8540</t>
  </si>
  <si>
    <t>200923</t>
  </si>
  <si>
    <t>34932</t>
  </si>
  <si>
    <t>06/23/2010 12:00:00 AM</t>
  </si>
  <si>
    <t>8602</t>
  </si>
  <si>
    <t>1292</t>
  </si>
  <si>
    <t>38775</t>
  </si>
  <si>
    <t>101203</t>
  </si>
  <si>
    <t>06/22/2010 12:00:00 AM</t>
  </si>
  <si>
    <t>2556</t>
  </si>
  <si>
    <t>1685</t>
  </si>
  <si>
    <t>38906</t>
  </si>
  <si>
    <t>2217</t>
  </si>
  <si>
    <t>2199</t>
  </si>
  <si>
    <t>1417</t>
  </si>
  <si>
    <t>06/21/2010 12:00:00 AM</t>
  </si>
  <si>
    <t>537000</t>
  </si>
  <si>
    <t>3434</t>
  </si>
  <si>
    <t>7573</t>
  </si>
  <si>
    <t>2989</t>
  </si>
  <si>
    <t>13375</t>
  </si>
  <si>
    <t>18178</t>
  </si>
  <si>
    <t>10152</t>
  </si>
  <si>
    <t>06/20/2010 12:00:00 AM</t>
  </si>
  <si>
    <t>43944</t>
  </si>
  <si>
    <t>723000</t>
  </si>
  <si>
    <t>06/19/2010 12:00:00 AM</t>
  </si>
  <si>
    <t>423117</t>
  </si>
  <si>
    <t>698</t>
  </si>
  <si>
    <t>2886</t>
  </si>
  <si>
    <t>15507</t>
  </si>
  <si>
    <t>3133</t>
  </si>
  <si>
    <t>6754</t>
  </si>
  <si>
    <t>09/02/2010 12:00:00 AM</t>
  </si>
  <si>
    <t>664922</t>
  </si>
  <si>
    <t>7480</t>
  </si>
  <si>
    <t>5980</t>
  </si>
  <si>
    <t>577699</t>
  </si>
  <si>
    <t>18383</t>
  </si>
  <si>
    <t>1642</t>
  </si>
  <si>
    <t>09/01/2010 12:00:00 AM</t>
  </si>
  <si>
    <t>3586</t>
  </si>
  <si>
    <t>89844</t>
  </si>
  <si>
    <t>08/31/2010 12:00:00 AM</t>
  </si>
  <si>
    <t>24624</t>
  </si>
  <si>
    <t>08/30/2010 12:00:00 AM</t>
  </si>
  <si>
    <t>943</t>
  </si>
  <si>
    <t>1752</t>
  </si>
  <si>
    <t>08/29/2010 12:00:00 AM</t>
  </si>
  <si>
    <t>1522</t>
  </si>
  <si>
    <t>17220</t>
  </si>
  <si>
    <t>1864</t>
  </si>
  <si>
    <t>3366</t>
  </si>
  <si>
    <t>6186</t>
  </si>
  <si>
    <t>67625</t>
  </si>
  <si>
    <t>08/28/2010 12:00:00 AM</t>
  </si>
  <si>
    <t>1229</t>
  </si>
  <si>
    <t>6110</t>
  </si>
  <si>
    <t>1846</t>
  </si>
  <si>
    <t>10750</t>
  </si>
  <si>
    <t>08/27/2010 12:00:00 AM</t>
  </si>
  <si>
    <t>25500</t>
  </si>
  <si>
    <t>10144</t>
  </si>
  <si>
    <t>1481</t>
  </si>
  <si>
    <t>1983</t>
  </si>
  <si>
    <t>25734</t>
  </si>
  <si>
    <t>3779</t>
  </si>
  <si>
    <t>723</t>
  </si>
  <si>
    <t>2353</t>
  </si>
  <si>
    <t>15578</t>
  </si>
  <si>
    <t>35165</t>
  </si>
  <si>
    <t>08/26/2010 12:00:00 AM</t>
  </si>
  <si>
    <t>1726</t>
  </si>
  <si>
    <t>2616</t>
  </si>
  <si>
    <t>3123</t>
  </si>
  <si>
    <t>2937</t>
  </si>
  <si>
    <t>12955</t>
  </si>
  <si>
    <t>08/25/2010 12:00:00 AM</t>
  </si>
  <si>
    <t>11925</t>
  </si>
  <si>
    <t>4121</t>
  </si>
  <si>
    <t>10549</t>
  </si>
  <si>
    <t>115000</t>
  </si>
  <si>
    <t>173700</t>
  </si>
  <si>
    <t>14055</t>
  </si>
  <si>
    <t>73035</t>
  </si>
  <si>
    <t>08/24/2010 12:00:00 AM</t>
  </si>
  <si>
    <t>7006</t>
  </si>
  <si>
    <t>213000</t>
  </si>
  <si>
    <t>8730</t>
  </si>
  <si>
    <t>3103</t>
  </si>
  <si>
    <t>12937</t>
  </si>
  <si>
    <t>08/23/2010 12:00:00 AM</t>
  </si>
  <si>
    <t>77800</t>
  </si>
  <si>
    <t>4369</t>
  </si>
  <si>
    <t>35549</t>
  </si>
  <si>
    <t>88112</t>
  </si>
  <si>
    <t>5098</t>
  </si>
  <si>
    <t>1924</t>
  </si>
  <si>
    <t>08/22/2010 12:00:00 AM</t>
  </si>
  <si>
    <t>4186</t>
  </si>
  <si>
    <t>5669</t>
  </si>
  <si>
    <t>2839</t>
  </si>
  <si>
    <t>2895</t>
  </si>
  <si>
    <t>08/21/2010 12:00:00 AM</t>
  </si>
  <si>
    <t>47401</t>
  </si>
  <si>
    <t>89201</t>
  </si>
  <si>
    <t>2672</t>
  </si>
  <si>
    <t>1166</t>
  </si>
  <si>
    <t>1604</t>
  </si>
  <si>
    <t>203138</t>
  </si>
  <si>
    <t>3041</t>
  </si>
  <si>
    <t>08/20/2010 12:00:00 AM</t>
  </si>
  <si>
    <t>565000</t>
  </si>
  <si>
    <t>2624</t>
  </si>
  <si>
    <t>4307</t>
  </si>
  <si>
    <t>12055</t>
  </si>
  <si>
    <t>08/19/2010 12:00:00 AM</t>
  </si>
  <si>
    <t>3688</t>
  </si>
  <si>
    <t>1277</t>
  </si>
  <si>
    <t>6441</t>
  </si>
  <si>
    <t>4066</t>
  </si>
  <si>
    <t>4439</t>
  </si>
  <si>
    <t>08/18/2010 12:00:00 AM</t>
  </si>
  <si>
    <t>5967</t>
  </si>
  <si>
    <t>93276</t>
  </si>
  <si>
    <t>758</t>
  </si>
  <si>
    <t>177300</t>
  </si>
  <si>
    <t>16582</t>
  </si>
  <si>
    <t>7304</t>
  </si>
  <si>
    <t>08/17/2010 12:00:00 AM</t>
  </si>
  <si>
    <t>7829</t>
  </si>
  <si>
    <t>5119</t>
  </si>
  <si>
    <t>08/16/2010 12:00:00 AM</t>
  </si>
  <si>
    <t>CÉRTEGUI</t>
  </si>
  <si>
    <t>17714</t>
  </si>
  <si>
    <t>3223</t>
  </si>
  <si>
    <t>08/15/2010 12:00:00 AM</t>
  </si>
  <si>
    <t>10030</t>
  </si>
  <si>
    <t>104000</t>
  </si>
  <si>
    <t>6529</t>
  </si>
  <si>
    <t>23010</t>
  </si>
  <si>
    <t>10936</t>
  </si>
  <si>
    <t>4154000</t>
  </si>
  <si>
    <t>1301</t>
  </si>
  <si>
    <t>3947</t>
  </si>
  <si>
    <t>08/14/2010 12:00:00 AM</t>
  </si>
  <si>
    <t>1711</t>
  </si>
  <si>
    <t>20655</t>
  </si>
  <si>
    <t>RANCHERIA</t>
  </si>
  <si>
    <t>1046</t>
  </si>
  <si>
    <t>2255</t>
  </si>
  <si>
    <t>14900</t>
  </si>
  <si>
    <t>31017</t>
  </si>
  <si>
    <t>08/13/2010 12:00:00 AM</t>
  </si>
  <si>
    <t>2197</t>
  </si>
  <si>
    <t>3370</t>
  </si>
  <si>
    <t>84241</t>
  </si>
  <si>
    <t>3637</t>
  </si>
  <si>
    <t>3642</t>
  </si>
  <si>
    <t>08/12/2010 12:00:00 AM</t>
  </si>
  <si>
    <t>646800</t>
  </si>
  <si>
    <t>89265</t>
  </si>
  <si>
    <t>6356</t>
  </si>
  <si>
    <t>8939</t>
  </si>
  <si>
    <t>65650</t>
  </si>
  <si>
    <t>08/11/2010 12:00:00 AM</t>
  </si>
  <si>
    <t>11400</t>
  </si>
  <si>
    <t>9790</t>
  </si>
  <si>
    <t>3395</t>
  </si>
  <si>
    <t>1892</t>
  </si>
  <si>
    <t>6546</t>
  </si>
  <si>
    <t>574000</t>
  </si>
  <si>
    <t>8401</t>
  </si>
  <si>
    <t>2258</t>
  </si>
  <si>
    <t>08/10/2010 12:00:00 AM</t>
  </si>
  <si>
    <t>3208</t>
  </si>
  <si>
    <t>4495</t>
  </si>
  <si>
    <t>32679</t>
  </si>
  <si>
    <t>170000</t>
  </si>
  <si>
    <t>08/09/2010 12:00:00 AM</t>
  </si>
  <si>
    <t>3860</t>
  </si>
  <si>
    <t>1719</t>
  </si>
  <si>
    <t>163000</t>
  </si>
  <si>
    <t>08/08/2010 12:00:00 AM</t>
  </si>
  <si>
    <t>116100</t>
  </si>
  <si>
    <t>7671</t>
  </si>
  <si>
    <t>08/07/2010 12:00:00 AM</t>
  </si>
  <si>
    <t>178000</t>
  </si>
  <si>
    <t>4577</t>
  </si>
  <si>
    <t>19880</t>
  </si>
  <si>
    <t>5273</t>
  </si>
  <si>
    <t>2453</t>
  </si>
  <si>
    <t>08/06/2010 12:00:00 AM</t>
  </si>
  <si>
    <t>937</t>
  </si>
  <si>
    <t>6440</t>
  </si>
  <si>
    <t>19899</t>
  </si>
  <si>
    <t>11198</t>
  </si>
  <si>
    <t>6261</t>
  </si>
  <si>
    <t>22841</t>
  </si>
  <si>
    <t>1643</t>
  </si>
  <si>
    <t>08/05/2010 12:00:00 AM</t>
  </si>
  <si>
    <t>3409</t>
  </si>
  <si>
    <t>13751</t>
  </si>
  <si>
    <t>25485</t>
  </si>
  <si>
    <t>1151</t>
  </si>
  <si>
    <t>40665</t>
  </si>
  <si>
    <t>08/04/2010 12:00:00 AM</t>
  </si>
  <si>
    <t>1516</t>
  </si>
  <si>
    <t>4150</t>
  </si>
  <si>
    <t>16250</t>
  </si>
  <si>
    <t>4333</t>
  </si>
  <si>
    <t>43099</t>
  </si>
  <si>
    <t>08/03/2010 12:00:00 AM</t>
  </si>
  <si>
    <t>8930</t>
  </si>
  <si>
    <t>35582</t>
  </si>
  <si>
    <t>18004</t>
  </si>
  <si>
    <t>4409</t>
  </si>
  <si>
    <t>3010000</t>
  </si>
  <si>
    <t>986</t>
  </si>
  <si>
    <t>1712</t>
  </si>
  <si>
    <t>08/02/2010 12:00:00 AM</t>
  </si>
  <si>
    <t>123520</t>
  </si>
  <si>
    <t>6342</t>
  </si>
  <si>
    <t>818000</t>
  </si>
  <si>
    <t>2845</t>
  </si>
  <si>
    <t>BUS TRANSMILENIO</t>
  </si>
  <si>
    <t>2972</t>
  </si>
  <si>
    <t>08/01/2010 12:00:00 AM</t>
  </si>
  <si>
    <t>2612</t>
  </si>
  <si>
    <t>3353</t>
  </si>
  <si>
    <t>HUMEALES</t>
  </si>
  <si>
    <t>22201</t>
  </si>
  <si>
    <t>7522</t>
  </si>
  <si>
    <t>07/31/2010 12:00:00 AM</t>
  </si>
  <si>
    <t>1477</t>
  </si>
  <si>
    <t>4173</t>
  </si>
  <si>
    <t>2561</t>
  </si>
  <si>
    <t>2172</t>
  </si>
  <si>
    <t>2305</t>
  </si>
  <si>
    <t>07/30/2010 12:00:00 AM</t>
  </si>
  <si>
    <t>2868</t>
  </si>
  <si>
    <t>7350</t>
  </si>
  <si>
    <t>3961</t>
  </si>
  <si>
    <t>2338</t>
  </si>
  <si>
    <t>17128</t>
  </si>
  <si>
    <t>1345</t>
  </si>
  <si>
    <t>2485</t>
  </si>
  <si>
    <t>10988</t>
  </si>
  <si>
    <t>11230</t>
  </si>
  <si>
    <t>07/29/2010 12:00:00 AM</t>
  </si>
  <si>
    <t>1176</t>
  </si>
  <si>
    <t>4094</t>
  </si>
  <si>
    <t>9960</t>
  </si>
  <si>
    <t>1192950</t>
  </si>
  <si>
    <t>07/28/2010 12:00:00 AM</t>
  </si>
  <si>
    <t>28218</t>
  </si>
  <si>
    <t>2275</t>
  </si>
  <si>
    <t>8759</t>
  </si>
  <si>
    <t>4950</t>
  </si>
  <si>
    <t>1167</t>
  </si>
  <si>
    <t>2694</t>
  </si>
  <si>
    <t>2158</t>
  </si>
  <si>
    <t>07/27/2010 12:00:00 AM</t>
  </si>
  <si>
    <t>30750</t>
  </si>
  <si>
    <t>3425</t>
  </si>
  <si>
    <t>2239</t>
  </si>
  <si>
    <t>1763</t>
  </si>
  <si>
    <t>314000</t>
  </si>
  <si>
    <t>07/26/2010 12:00:00 AM</t>
  </si>
  <si>
    <t>2148</t>
  </si>
  <si>
    <t>3004</t>
  </si>
  <si>
    <t>3991</t>
  </si>
  <si>
    <t>25960</t>
  </si>
  <si>
    <t>1308</t>
  </si>
  <si>
    <t>07/25/2010 12:00:00 AM</t>
  </si>
  <si>
    <t>1664</t>
  </si>
  <si>
    <t>4374</t>
  </si>
  <si>
    <t>3300000</t>
  </si>
  <si>
    <t>10/12/2010 12:00:00 AM</t>
  </si>
  <si>
    <t>3902</t>
  </si>
  <si>
    <t>4290</t>
  </si>
  <si>
    <t>15025</t>
  </si>
  <si>
    <t>34510</t>
  </si>
  <si>
    <t>10/11/2010 12:00:00 AM</t>
  </si>
  <si>
    <t>5315</t>
  </si>
  <si>
    <t>52081</t>
  </si>
  <si>
    <t>6245</t>
  </si>
  <si>
    <t>1395</t>
  </si>
  <si>
    <t>10/10/2010 12:00:00 AM</t>
  </si>
  <si>
    <t>1618</t>
  </si>
  <si>
    <t>3896</t>
  </si>
  <si>
    <t>10/09/2010 12:00:00 AM</t>
  </si>
  <si>
    <t>385372</t>
  </si>
  <si>
    <t>5751</t>
  </si>
  <si>
    <t>19466</t>
  </si>
  <si>
    <t>10/08/2010 12:00:00 AM</t>
  </si>
  <si>
    <t>2730</t>
  </si>
  <si>
    <t>1500416</t>
  </si>
  <si>
    <t>4655</t>
  </si>
  <si>
    <t>3131</t>
  </si>
  <si>
    <t>10/07/2010 12:00:00 AM</t>
  </si>
  <si>
    <t>8186</t>
  </si>
  <si>
    <t>1430</t>
  </si>
  <si>
    <t>10975</t>
  </si>
  <si>
    <t>460000</t>
  </si>
  <si>
    <t>2174</t>
  </si>
  <si>
    <t>14992</t>
  </si>
  <si>
    <t>22730</t>
  </si>
  <si>
    <t>14140</t>
  </si>
  <si>
    <t>10/06/2010 12:00:00 AM</t>
  </si>
  <si>
    <t>24061</t>
  </si>
  <si>
    <t>10100000</t>
  </si>
  <si>
    <t>16639</t>
  </si>
  <si>
    <t>3665</t>
  </si>
  <si>
    <t>1129</t>
  </si>
  <si>
    <t>10/05/2010 12:00:00 AM</t>
  </si>
  <si>
    <t>13464</t>
  </si>
  <si>
    <t>1336</t>
  </si>
  <si>
    <t>9542</t>
  </si>
  <si>
    <t>57091</t>
  </si>
  <si>
    <t>4168</t>
  </si>
  <si>
    <t>2023</t>
  </si>
  <si>
    <t>10/04/2010 12:00:00 AM</t>
  </si>
  <si>
    <t>16545</t>
  </si>
  <si>
    <t>3481</t>
  </si>
  <si>
    <t>4472</t>
  </si>
  <si>
    <t>10/03/2010 12:00:00 AM</t>
  </si>
  <si>
    <t>3768</t>
  </si>
  <si>
    <t>86000</t>
  </si>
  <si>
    <t>1220000</t>
  </si>
  <si>
    <t>66543</t>
  </si>
  <si>
    <t>8172</t>
  </si>
  <si>
    <t>10/02/2010 12:00:00 AM</t>
  </si>
  <si>
    <t>804</t>
  </si>
  <si>
    <t>2524</t>
  </si>
  <si>
    <t>6750</t>
  </si>
  <si>
    <t>3157</t>
  </si>
  <si>
    <t>10/01/2010 12:00:00 AM</t>
  </si>
  <si>
    <t>46500</t>
  </si>
  <si>
    <t>30090</t>
  </si>
  <si>
    <t>1521</t>
  </si>
  <si>
    <t>2107</t>
  </si>
  <si>
    <t>5706</t>
  </si>
  <si>
    <t>09/30/2010 12:00:00 AM</t>
  </si>
  <si>
    <t>861</t>
  </si>
  <si>
    <t>3751</t>
  </si>
  <si>
    <t>4799</t>
  </si>
  <si>
    <t>4280</t>
  </si>
  <si>
    <t>10400</t>
  </si>
  <si>
    <t>36980</t>
  </si>
  <si>
    <t>3647</t>
  </si>
  <si>
    <t>09/29/2010 12:00:00 AM</t>
  </si>
  <si>
    <t>24400</t>
  </si>
  <si>
    <t>102500</t>
  </si>
  <si>
    <t>8817</t>
  </si>
  <si>
    <t>992981</t>
  </si>
  <si>
    <t>1454</t>
  </si>
  <si>
    <t>9053</t>
  </si>
  <si>
    <t>09/28/2010 12:00:00 AM</t>
  </si>
  <si>
    <t>13048</t>
  </si>
  <si>
    <t>2069</t>
  </si>
  <si>
    <t>6319</t>
  </si>
  <si>
    <t>1536</t>
  </si>
  <si>
    <t>217000</t>
  </si>
  <si>
    <t>14200</t>
  </si>
  <si>
    <t>09/27/2010 12:00:00 AM</t>
  </si>
  <si>
    <t>2544</t>
  </si>
  <si>
    <t>1563</t>
  </si>
  <si>
    <t>09/26/2010 12:00:00 AM</t>
  </si>
  <si>
    <t>20620</t>
  </si>
  <si>
    <t>2674</t>
  </si>
  <si>
    <t>2847</t>
  </si>
  <si>
    <t>133078</t>
  </si>
  <si>
    <t>136452</t>
  </si>
  <si>
    <t>09/25/2010 12:00:00 AM</t>
  </si>
  <si>
    <t>4165</t>
  </si>
  <si>
    <t>2636</t>
  </si>
  <si>
    <t>09/24/2010 12:00:00 AM</t>
  </si>
  <si>
    <t>7080</t>
  </si>
  <si>
    <t>734000</t>
  </si>
  <si>
    <t>11547</t>
  </si>
  <si>
    <t>25058</t>
  </si>
  <si>
    <t>1397000</t>
  </si>
  <si>
    <t>5792</t>
  </si>
  <si>
    <t>09/23/2010 12:00:00 AM</t>
  </si>
  <si>
    <t>1795</t>
  </si>
  <si>
    <t>500120</t>
  </si>
  <si>
    <t>14687</t>
  </si>
  <si>
    <t>50177</t>
  </si>
  <si>
    <t>2720</t>
  </si>
  <si>
    <t>09/22/2010 12:00:00 AM</t>
  </si>
  <si>
    <t>4211</t>
  </si>
  <si>
    <t>2151</t>
  </si>
  <si>
    <t>166023</t>
  </si>
  <si>
    <t>4390</t>
  </si>
  <si>
    <t>40050</t>
  </si>
  <si>
    <t>4440</t>
  </si>
  <si>
    <t>09/21/2010 12:00:00 AM</t>
  </si>
  <si>
    <t>2827</t>
  </si>
  <si>
    <t>3475</t>
  </si>
  <si>
    <t>6053</t>
  </si>
  <si>
    <t>9738</t>
  </si>
  <si>
    <t>09/20/2010 12:00:00 AM</t>
  </si>
  <si>
    <t>6138</t>
  </si>
  <si>
    <t>2916</t>
  </si>
  <si>
    <t>5180</t>
  </si>
  <si>
    <t>6073</t>
  </si>
  <si>
    <t>09/19/2010 12:00:00 AM</t>
  </si>
  <si>
    <t>28829</t>
  </si>
  <si>
    <t>1847</t>
  </si>
  <si>
    <t>09/18/2010 12:00:00 AM</t>
  </si>
  <si>
    <t>12886</t>
  </si>
  <si>
    <t>2267000</t>
  </si>
  <si>
    <t>146034</t>
  </si>
  <si>
    <t>1809</t>
  </si>
  <si>
    <t>09/17/2010 12:00:00 AM</t>
  </si>
  <si>
    <t>281431</t>
  </si>
  <si>
    <t>1327500</t>
  </si>
  <si>
    <t>33613</t>
  </si>
  <si>
    <t>3582</t>
  </si>
  <si>
    <t>3926</t>
  </si>
  <si>
    <t>13692</t>
  </si>
  <si>
    <t>10025</t>
  </si>
  <si>
    <t>6139</t>
  </si>
  <si>
    <t>09/16/2010 12:00:00 AM</t>
  </si>
  <si>
    <t>1776</t>
  </si>
  <si>
    <t>5458</t>
  </si>
  <si>
    <t>AQUITANIA</t>
  </si>
  <si>
    <t>60722</t>
  </si>
  <si>
    <t>09/15/2010 12:00:00 AM</t>
  </si>
  <si>
    <t>4885</t>
  </si>
  <si>
    <t>559000</t>
  </si>
  <si>
    <t>4526</t>
  </si>
  <si>
    <t>14700</t>
  </si>
  <si>
    <t>3930</t>
  </si>
  <si>
    <t>09/14/2010 12:00:00 AM</t>
  </si>
  <si>
    <t>51850</t>
  </si>
  <si>
    <t>778</t>
  </si>
  <si>
    <t>4176</t>
  </si>
  <si>
    <t>9200</t>
  </si>
  <si>
    <t>6157</t>
  </si>
  <si>
    <t>195500</t>
  </si>
  <si>
    <t>4469</t>
  </si>
  <si>
    <t>6651</t>
  </si>
  <si>
    <t>09/13/2010 12:00:00 AM</t>
  </si>
  <si>
    <t>3737</t>
  </si>
  <si>
    <t>1059600</t>
  </si>
  <si>
    <t>6278</t>
  </si>
  <si>
    <t>1124</t>
  </si>
  <si>
    <t>311000</t>
  </si>
  <si>
    <t>09/12/2010 12:00:00 AM</t>
  </si>
  <si>
    <t>5177</t>
  </si>
  <si>
    <t>09/11/2010 12:00:00 AM</t>
  </si>
  <si>
    <t>5321</t>
  </si>
  <si>
    <t>21805</t>
  </si>
  <si>
    <t>34300</t>
  </si>
  <si>
    <t>4641</t>
  </si>
  <si>
    <t>8300</t>
  </si>
  <si>
    <t>2606</t>
  </si>
  <si>
    <t>42755</t>
  </si>
  <si>
    <t>1133000</t>
  </si>
  <si>
    <t>09/10/2010 12:00:00 AM</t>
  </si>
  <si>
    <t>1461</t>
  </si>
  <si>
    <t>4295</t>
  </si>
  <si>
    <t>16950</t>
  </si>
  <si>
    <t>16511</t>
  </si>
  <si>
    <t>5007</t>
  </si>
  <si>
    <t>09/09/2010 12:00:00 AM</t>
  </si>
  <si>
    <t>166041</t>
  </si>
  <si>
    <t>1364</t>
  </si>
  <si>
    <t>4930</t>
  </si>
  <si>
    <t>8101</t>
  </si>
  <si>
    <t>1783</t>
  </si>
  <si>
    <t>666920</t>
  </si>
  <si>
    <t>7213</t>
  </si>
  <si>
    <t>09/08/2010 12:00:00 AM</t>
  </si>
  <si>
    <t>4015</t>
  </si>
  <si>
    <t>2761</t>
  </si>
  <si>
    <t>4746</t>
  </si>
  <si>
    <t>85500</t>
  </si>
  <si>
    <t>4584</t>
  </si>
  <si>
    <t>909</t>
  </si>
  <si>
    <t>9450</t>
  </si>
  <si>
    <t>4959</t>
  </si>
  <si>
    <t>8988</t>
  </si>
  <si>
    <t>09/07/2010 12:00:00 AM</t>
  </si>
  <si>
    <t>2993</t>
  </si>
  <si>
    <t>3726</t>
  </si>
  <si>
    <t>1023</t>
  </si>
  <si>
    <t>1361</t>
  </si>
  <si>
    <t>145000</t>
  </si>
  <si>
    <t>2602</t>
  </si>
  <si>
    <t>5231</t>
  </si>
  <si>
    <t>09/06/2010 12:00:00 AM</t>
  </si>
  <si>
    <t>58375</t>
  </si>
  <si>
    <t>303120</t>
  </si>
  <si>
    <t>23215</t>
  </si>
  <si>
    <t>09/05/2010 12:00:00 AM</t>
  </si>
  <si>
    <t>2183</t>
  </si>
  <si>
    <t>1725</t>
  </si>
  <si>
    <t>18580</t>
  </si>
  <si>
    <t>09/04/2010 12:00:00 AM</t>
  </si>
  <si>
    <t>1383</t>
  </si>
  <si>
    <t>37100</t>
  </si>
  <si>
    <t>118000</t>
  </si>
  <si>
    <t>20792</t>
  </si>
  <si>
    <t>117117</t>
  </si>
  <si>
    <t>50249</t>
  </si>
  <si>
    <t>09/03/2010 12:00:00 AM</t>
  </si>
  <si>
    <t>7860</t>
  </si>
  <si>
    <t>69891</t>
  </si>
  <si>
    <t>11/22/2010 12:00:00 AM</t>
  </si>
  <si>
    <t>1652</t>
  </si>
  <si>
    <t>11/21/2010 12:00:00 AM</t>
  </si>
  <si>
    <t>4466</t>
  </si>
  <si>
    <t>844</t>
  </si>
  <si>
    <t>4525</t>
  </si>
  <si>
    <t>LAGUNAS</t>
  </si>
  <si>
    <t>10115</t>
  </si>
  <si>
    <t>11/20/2010 12:00:00 AM</t>
  </si>
  <si>
    <t>4321</t>
  </si>
  <si>
    <t>91636</t>
  </si>
  <si>
    <t>6350</t>
  </si>
  <si>
    <t>23625</t>
  </si>
  <si>
    <t>8442</t>
  </si>
  <si>
    <t>27015</t>
  </si>
  <si>
    <t>3006380</t>
  </si>
  <si>
    <t>11/19/2010 12:00:00 AM</t>
  </si>
  <si>
    <t>7278</t>
  </si>
  <si>
    <t>4822</t>
  </si>
  <si>
    <t>3680</t>
  </si>
  <si>
    <t>3650</t>
  </si>
  <si>
    <t>4735</t>
  </si>
  <si>
    <t>1380</t>
  </si>
  <si>
    <t>4498</t>
  </si>
  <si>
    <t>7540</t>
  </si>
  <si>
    <t>2153</t>
  </si>
  <si>
    <t>11/18/2010 12:00:00 AM</t>
  </si>
  <si>
    <t>6027</t>
  </si>
  <si>
    <t>4027</t>
  </si>
  <si>
    <t>1760</t>
  </si>
  <si>
    <t>11/17/2010 12:00:00 AM</t>
  </si>
  <si>
    <t>11970</t>
  </si>
  <si>
    <t>15660</t>
  </si>
  <si>
    <t>5295</t>
  </si>
  <si>
    <t>11/16/2010 12:00:00 AM</t>
  </si>
  <si>
    <t>6065</t>
  </si>
  <si>
    <t>3465</t>
  </si>
  <si>
    <t>11/15/2010 12:00:00 AM</t>
  </si>
  <si>
    <t>2072000</t>
  </si>
  <si>
    <t>1753</t>
  </si>
  <si>
    <t>3335</t>
  </si>
  <si>
    <t>23800</t>
  </si>
  <si>
    <t>148000</t>
  </si>
  <si>
    <t>11/14/2010 12:00:00 AM</t>
  </si>
  <si>
    <t>CAJERO AUTOMATICO</t>
  </si>
  <si>
    <t>11/13/2010 12:00:00 AM</t>
  </si>
  <si>
    <t>23120</t>
  </si>
  <si>
    <t>4062</t>
  </si>
  <si>
    <t>3669</t>
  </si>
  <si>
    <t>6258</t>
  </si>
  <si>
    <t>11/12/2010 12:00:00 AM</t>
  </si>
  <si>
    <t>18494</t>
  </si>
  <si>
    <t>6069</t>
  </si>
  <si>
    <t>8643</t>
  </si>
  <si>
    <t>6390</t>
  </si>
  <si>
    <t>5342</t>
  </si>
  <si>
    <t>5974</t>
  </si>
  <si>
    <t>3213</t>
  </si>
  <si>
    <t>3490</t>
  </si>
  <si>
    <t>11/11/2010 12:00:00 AM</t>
  </si>
  <si>
    <t>6295</t>
  </si>
  <si>
    <t>3895</t>
  </si>
  <si>
    <t>4447</t>
  </si>
  <si>
    <t>26466</t>
  </si>
  <si>
    <t>3361</t>
  </si>
  <si>
    <t>7114</t>
  </si>
  <si>
    <t>11/10/2010 12:00:00 AM</t>
  </si>
  <si>
    <t>6022</t>
  </si>
  <si>
    <t>6090</t>
  </si>
  <si>
    <t>5548</t>
  </si>
  <si>
    <t>11/09/2010 12:00:00 AM</t>
  </si>
  <si>
    <t>4250000</t>
  </si>
  <si>
    <t>24165</t>
  </si>
  <si>
    <t>16148</t>
  </si>
  <si>
    <t>11/08/2010 12:00:00 AM</t>
  </si>
  <si>
    <t>505000</t>
  </si>
  <si>
    <t>9249</t>
  </si>
  <si>
    <t>81000</t>
  </si>
  <si>
    <t>8029</t>
  </si>
  <si>
    <t>2392</t>
  </si>
  <si>
    <t>11/07/2010 12:00:00 AM</t>
  </si>
  <si>
    <t>3416</t>
  </si>
  <si>
    <t>MARGARITA</t>
  </si>
  <si>
    <t>3183</t>
  </si>
  <si>
    <t>11/06/2010 12:00:00 AM</t>
  </si>
  <si>
    <t>13759</t>
  </si>
  <si>
    <t>66719</t>
  </si>
  <si>
    <t>1409</t>
  </si>
  <si>
    <t>255500</t>
  </si>
  <si>
    <t>11/05/2010 12:00:00 AM</t>
  </si>
  <si>
    <t>LAVA-AUTOS</t>
  </si>
  <si>
    <t>3563</t>
  </si>
  <si>
    <t>11/04/2010 12:00:00 AM</t>
  </si>
  <si>
    <t>50106</t>
  </si>
  <si>
    <t>13519</t>
  </si>
  <si>
    <t>4051</t>
  </si>
  <si>
    <t>122960</t>
  </si>
  <si>
    <t>11/03/2010 12:00:00 AM</t>
  </si>
  <si>
    <t>5252</t>
  </si>
  <si>
    <t>96922</t>
  </si>
  <si>
    <t>3082</t>
  </si>
  <si>
    <t>11/02/2010 12:00:00 AM</t>
  </si>
  <si>
    <t>156000</t>
  </si>
  <si>
    <t>2505</t>
  </si>
  <si>
    <t>2102</t>
  </si>
  <si>
    <t>453000</t>
  </si>
  <si>
    <t>11/01/2010 12:00:00 AM</t>
  </si>
  <si>
    <t>3074</t>
  </si>
  <si>
    <t>8318</t>
  </si>
  <si>
    <t>10/31/2010 12:00:00 AM</t>
  </si>
  <si>
    <t>243123</t>
  </si>
  <si>
    <t>334000</t>
  </si>
  <si>
    <t>4902</t>
  </si>
  <si>
    <t>1973</t>
  </si>
  <si>
    <t>10/30/2010 12:00:00 AM</t>
  </si>
  <si>
    <t>30605</t>
  </si>
  <si>
    <t>3305</t>
  </si>
  <si>
    <t>46774</t>
  </si>
  <si>
    <t>10/29/2010 12:00:00 AM</t>
  </si>
  <si>
    <t>15037</t>
  </si>
  <si>
    <t>2729</t>
  </si>
  <si>
    <t>2829</t>
  </si>
  <si>
    <t>10/28/2010 12:00:00 AM</t>
  </si>
  <si>
    <t>15212</t>
  </si>
  <si>
    <t>231038</t>
  </si>
  <si>
    <t>6108</t>
  </si>
  <si>
    <t>12250</t>
  </si>
  <si>
    <t>1945</t>
  </si>
  <si>
    <t>3780</t>
  </si>
  <si>
    <t>10/27/2010 12:00:00 AM</t>
  </si>
  <si>
    <t>2396</t>
  </si>
  <si>
    <t>3034</t>
  </si>
  <si>
    <t>10050</t>
  </si>
  <si>
    <t>657520</t>
  </si>
  <si>
    <t>8250</t>
  </si>
  <si>
    <t>4262</t>
  </si>
  <si>
    <t>1106</t>
  </si>
  <si>
    <t>10/26/2010 12:00:00 AM</t>
  </si>
  <si>
    <t>1483</t>
  </si>
  <si>
    <t>34700</t>
  </si>
  <si>
    <t>17983</t>
  </si>
  <si>
    <t>54290</t>
  </si>
  <si>
    <t>3128</t>
  </si>
  <si>
    <t>3094</t>
  </si>
  <si>
    <t>10/25/2010 12:00:00 AM</t>
  </si>
  <si>
    <t>2367</t>
  </si>
  <si>
    <t>5376</t>
  </si>
  <si>
    <t>2658</t>
  </si>
  <si>
    <t>10/24/2010 12:00:00 AM</t>
  </si>
  <si>
    <t>22834</t>
  </si>
  <si>
    <t>10060</t>
  </si>
  <si>
    <t>28342</t>
  </si>
  <si>
    <t>4858</t>
  </si>
  <si>
    <t>3590</t>
  </si>
  <si>
    <t>10/23/2010 12:00:00 AM</t>
  </si>
  <si>
    <t>11129</t>
  </si>
  <si>
    <t>2595</t>
  </si>
  <si>
    <t>36688</t>
  </si>
  <si>
    <t>10/22/2010 12:00:00 AM</t>
  </si>
  <si>
    <t>93600</t>
  </si>
  <si>
    <t>7415</t>
  </si>
  <si>
    <t>12630</t>
  </si>
  <si>
    <t>19175</t>
  </si>
  <si>
    <t>15004</t>
  </si>
  <si>
    <t>4597</t>
  </si>
  <si>
    <t>916</t>
  </si>
  <si>
    <t>1533</t>
  </si>
  <si>
    <t>10/21/2010 12:00:00 AM</t>
  </si>
  <si>
    <t>3027</t>
  </si>
  <si>
    <t>161900</t>
  </si>
  <si>
    <t>3960</t>
  </si>
  <si>
    <t>10/20/2010 12:00:00 AM</t>
  </si>
  <si>
    <t>7932</t>
  </si>
  <si>
    <t>16932</t>
  </si>
  <si>
    <t>83761</t>
  </si>
  <si>
    <t>6098</t>
  </si>
  <si>
    <t>10/19/2010 12:00:00 AM</t>
  </si>
  <si>
    <t>6125</t>
  </si>
  <si>
    <t>2013</t>
  </si>
  <si>
    <t>7373</t>
  </si>
  <si>
    <t>10/18/2010 12:00:00 AM</t>
  </si>
  <si>
    <t>2637000</t>
  </si>
  <si>
    <t>7965</t>
  </si>
  <si>
    <t>10/17/2010 12:00:00 AM</t>
  </si>
  <si>
    <t>301044</t>
  </si>
  <si>
    <t>73200</t>
  </si>
  <si>
    <t>3402</t>
  </si>
  <si>
    <t>4229</t>
  </si>
  <si>
    <t>8578</t>
  </si>
  <si>
    <t>1391</t>
  </si>
  <si>
    <t>10/16/2010 12:00:00 AM</t>
  </si>
  <si>
    <t>92134</t>
  </si>
  <si>
    <t>10/15/2010 12:00:00 AM</t>
  </si>
  <si>
    <t>1630</t>
  </si>
  <si>
    <t>4776</t>
  </si>
  <si>
    <t>6142</t>
  </si>
  <si>
    <t>3995</t>
  </si>
  <si>
    <t>1912</t>
  </si>
  <si>
    <t>10/14/2010 12:00:00 AM</t>
  </si>
  <si>
    <t>BUCARASICA</t>
  </si>
  <si>
    <t>2742</t>
  </si>
  <si>
    <t>4883</t>
  </si>
  <si>
    <t>254315</t>
  </si>
  <si>
    <t>214200</t>
  </si>
  <si>
    <t>6675</t>
  </si>
  <si>
    <t>10/13/2010 12:00:00 AM</t>
  </si>
  <si>
    <t>1128</t>
  </si>
  <si>
    <t>5290</t>
  </si>
  <si>
    <t>14191</t>
  </si>
  <si>
    <t>2767</t>
  </si>
  <si>
    <t>3227</t>
  </si>
  <si>
    <t>21008</t>
  </si>
  <si>
    <t>267800</t>
  </si>
  <si>
    <t>5040</t>
  </si>
  <si>
    <t>75600</t>
  </si>
  <si>
    <t>4055</t>
  </si>
  <si>
    <t>90400</t>
  </si>
  <si>
    <t>12/01/2010 12:00:00 AM</t>
  </si>
  <si>
    <t>3802</t>
  </si>
  <si>
    <t>3882</t>
  </si>
  <si>
    <t>11/30/2010 12:00:00 AM</t>
  </si>
  <si>
    <t>3959</t>
  </si>
  <si>
    <t>6648</t>
  </si>
  <si>
    <t>6260</t>
  </si>
  <si>
    <t>11/29/2010 12:00:00 AM</t>
  </si>
  <si>
    <t>4819</t>
  </si>
  <si>
    <t>3513</t>
  </si>
  <si>
    <t>4769</t>
  </si>
  <si>
    <t>13288</t>
  </si>
  <si>
    <t>26340</t>
  </si>
  <si>
    <t>2336</t>
  </si>
  <si>
    <t>11/28/2010 12:00:00 AM</t>
  </si>
  <si>
    <t>8625</t>
  </si>
  <si>
    <t>5031</t>
  </si>
  <si>
    <t>11/27/2010 12:00:00 AM</t>
  </si>
  <si>
    <t>3295</t>
  </si>
  <si>
    <t>4003</t>
  </si>
  <si>
    <t>14144</t>
  </si>
  <si>
    <t>17390</t>
  </si>
  <si>
    <t>2116</t>
  </si>
  <si>
    <t>4667</t>
  </si>
  <si>
    <t>11/26/2010 12:00:00 AM</t>
  </si>
  <si>
    <t>13304</t>
  </si>
  <si>
    <t>67167</t>
  </si>
  <si>
    <t>1595</t>
  </si>
  <si>
    <t>6470</t>
  </si>
  <si>
    <t>1715</t>
  </si>
  <si>
    <t>11/25/2010 12:00:00 AM</t>
  </si>
  <si>
    <t>28673</t>
  </si>
  <si>
    <t>1781</t>
  </si>
  <si>
    <t>6459</t>
  </si>
  <si>
    <t>11/24/2010 12:00:00 AM</t>
  </si>
  <si>
    <t>50836</t>
  </si>
  <si>
    <t>11/23/2010 12:00:00 AM</t>
  </si>
  <si>
    <t>1135300</t>
  </si>
  <si>
    <t>16580</t>
  </si>
  <si>
    <t>4604</t>
  </si>
  <si>
    <t>1679</t>
  </si>
  <si>
    <t>3463</t>
  </si>
  <si>
    <t>1756</t>
  </si>
  <si>
    <t>27226</t>
  </si>
  <si>
    <t>715840</t>
  </si>
  <si>
    <t>4209</t>
  </si>
  <si>
    <t>12/31/2010 12:00:00 AM</t>
  </si>
  <si>
    <t>12/30/2010 12:00:00 AM</t>
  </si>
  <si>
    <t>12/29/2010 12:00:00 AM</t>
  </si>
  <si>
    <t>53900</t>
  </si>
  <si>
    <t>17095</t>
  </si>
  <si>
    <t>12/28/2010 12:00:00 AM</t>
  </si>
  <si>
    <t>6424704</t>
  </si>
  <si>
    <t>4673</t>
  </si>
  <si>
    <t>12/27/2010 12:00:00 AM</t>
  </si>
  <si>
    <t>3676</t>
  </si>
  <si>
    <t>29650</t>
  </si>
  <si>
    <t>3323</t>
  </si>
  <si>
    <t>12/26/2010 12:00:00 AM</t>
  </si>
  <si>
    <t>1416</t>
  </si>
  <si>
    <t>6640</t>
  </si>
  <si>
    <t>12/25/2010 12:00:00 AM</t>
  </si>
  <si>
    <t>12/24/2010 12:00:00 AM</t>
  </si>
  <si>
    <t>12/23/2010 12:00:00 AM</t>
  </si>
  <si>
    <t>6246</t>
  </si>
  <si>
    <t>8765</t>
  </si>
  <si>
    <t>97614</t>
  </si>
  <si>
    <t>12/22/2010 12:00:00 AM</t>
  </si>
  <si>
    <t>8654</t>
  </si>
  <si>
    <t>220672</t>
  </si>
  <si>
    <t>15687</t>
  </si>
  <si>
    <t>12/21/2010 12:00:00 AM</t>
  </si>
  <si>
    <t>21748</t>
  </si>
  <si>
    <t>5538</t>
  </si>
  <si>
    <t>12/20/2010 12:00:00 AM</t>
  </si>
  <si>
    <t>218099</t>
  </si>
  <si>
    <t>40126</t>
  </si>
  <si>
    <t>2003</t>
  </si>
  <si>
    <t>12/19/2010 12:00:00 AM</t>
  </si>
  <si>
    <t>6543</t>
  </si>
  <si>
    <t>435000</t>
  </si>
  <si>
    <t>12/18/2010 12:00:00 AM</t>
  </si>
  <si>
    <t>RÍO QUITO</t>
  </si>
  <si>
    <t>12/17/2010 12:00:00 AM</t>
  </si>
  <si>
    <t>4265</t>
  </si>
  <si>
    <t>2560</t>
  </si>
  <si>
    <t>2958</t>
  </si>
  <si>
    <t>12/16/2010 12:00:00 AM</t>
  </si>
  <si>
    <t>959</t>
  </si>
  <si>
    <t>17040</t>
  </si>
  <si>
    <t>187000</t>
  </si>
  <si>
    <t>19208</t>
  </si>
  <si>
    <t>1952</t>
  </si>
  <si>
    <t>12/15/2010 12:00:00 AM</t>
  </si>
  <si>
    <t>2043</t>
  </si>
  <si>
    <t>3762</t>
  </si>
  <si>
    <t>12/14/2010 12:00:00 AM</t>
  </si>
  <si>
    <t>4963</t>
  </si>
  <si>
    <t>12400</t>
  </si>
  <si>
    <t>4070</t>
  </si>
  <si>
    <t>5426</t>
  </si>
  <si>
    <t>12/13/2010 12:00:00 AM</t>
  </si>
  <si>
    <t>38640</t>
  </si>
  <si>
    <t>3840</t>
  </si>
  <si>
    <t>12/12/2010 12:00:00 AM</t>
  </si>
  <si>
    <t>4934000</t>
  </si>
  <si>
    <t>12/11/2010 12:00:00 AM</t>
  </si>
  <si>
    <t>9836</t>
  </si>
  <si>
    <t>1937</t>
  </si>
  <si>
    <t>12/10/2010 12:00:00 AM</t>
  </si>
  <si>
    <t>53250</t>
  </si>
  <si>
    <t>1687</t>
  </si>
  <si>
    <t>1853</t>
  </si>
  <si>
    <t>3031</t>
  </si>
  <si>
    <t>12/09/2010 12:00:00 AM</t>
  </si>
  <si>
    <t>1488</t>
  </si>
  <si>
    <t>2776</t>
  </si>
  <si>
    <t>14142</t>
  </si>
  <si>
    <t>6950</t>
  </si>
  <si>
    <t>12/08/2010 12:00:00 AM</t>
  </si>
  <si>
    <t>4505</t>
  </si>
  <si>
    <t>8346</t>
  </si>
  <si>
    <t>14130</t>
  </si>
  <si>
    <t>3093</t>
  </si>
  <si>
    <t>12/07/2010 12:00:00 AM</t>
  </si>
  <si>
    <t>2994</t>
  </si>
  <si>
    <t>76000</t>
  </si>
  <si>
    <t>64700</t>
  </si>
  <si>
    <t>2608</t>
  </si>
  <si>
    <t>104500</t>
  </si>
  <si>
    <t>12/06/2010 12:00:00 AM</t>
  </si>
  <si>
    <t>9506</t>
  </si>
  <si>
    <t>12/05/2010 12:00:00 AM</t>
  </si>
  <si>
    <t>12/04/2010 12:00:00 AM</t>
  </si>
  <si>
    <t>110300</t>
  </si>
  <si>
    <t>6250</t>
  </si>
  <si>
    <t>12/03/2010 12:00:00 AM</t>
  </si>
  <si>
    <t>607005</t>
  </si>
  <si>
    <t>9975</t>
  </si>
  <si>
    <t>13141</t>
  </si>
  <si>
    <t>12/02/2010 12:00:00 AM</t>
  </si>
  <si>
    <t>100824</t>
  </si>
  <si>
    <t>1152</t>
  </si>
  <si>
    <t>4182</t>
  </si>
  <si>
    <t>FUENTE DE ORO</t>
  </si>
  <si>
    <t>34943</t>
  </si>
  <si>
    <t>97494</t>
  </si>
  <si>
    <t>4013</t>
  </si>
  <si>
    <t>1459</t>
  </si>
  <si>
    <t>1018884</t>
  </si>
  <si>
    <t>01/01/2012 12:00:00 AM</t>
  </si>
  <si>
    <t>1634</t>
  </si>
  <si>
    <t>01/02/2012 12:00:00 AM</t>
  </si>
  <si>
    <t>1906</t>
  </si>
  <si>
    <t>01/03/2012 12:00:00 AM</t>
  </si>
  <si>
    <t>6419</t>
  </si>
  <si>
    <t>01/04/2012 12:00:00 AM</t>
  </si>
  <si>
    <t>7033</t>
  </si>
  <si>
    <t>3553</t>
  </si>
  <si>
    <t>VILLAGÓMEZ</t>
  </si>
  <si>
    <t>01/05/2012 12:00:00 AM</t>
  </si>
  <si>
    <t>5220</t>
  </si>
  <si>
    <t>5771</t>
  </si>
  <si>
    <t>2967</t>
  </si>
  <si>
    <t>1999</t>
  </si>
  <si>
    <t>01/06/2012 12:00:00 AM</t>
  </si>
  <si>
    <t>3302</t>
  </si>
  <si>
    <t>SEMÁFORO</t>
  </si>
  <si>
    <t>33074</t>
  </si>
  <si>
    <t>5363</t>
  </si>
  <si>
    <t>01/07/2012 12:00:00 AM</t>
  </si>
  <si>
    <t>8700</t>
  </si>
  <si>
    <t>1957</t>
  </si>
  <si>
    <t>MEDIO ATRATO</t>
  </si>
  <si>
    <t>1926</t>
  </si>
  <si>
    <t>01/08/2012 12:00:00 AM</t>
  </si>
  <si>
    <t>4580</t>
  </si>
  <si>
    <t>5332</t>
  </si>
  <si>
    <t>111446</t>
  </si>
  <si>
    <t>4006</t>
  </si>
  <si>
    <t>52228</t>
  </si>
  <si>
    <t>01/09/2012 12:00:00 AM</t>
  </si>
  <si>
    <t>5303</t>
  </si>
  <si>
    <t>10246</t>
  </si>
  <si>
    <t>01/10/2012 12:00:00 AM</t>
  </si>
  <si>
    <t>4205</t>
  </si>
  <si>
    <t>10446</t>
  </si>
  <si>
    <t>9383</t>
  </si>
  <si>
    <t>3307</t>
  </si>
  <si>
    <t>01/11/2012 12:00:00 AM</t>
  </si>
  <si>
    <t>3067</t>
  </si>
  <si>
    <t>2778</t>
  </si>
  <si>
    <t>6487</t>
  </si>
  <si>
    <t>5950</t>
  </si>
  <si>
    <t>10038</t>
  </si>
  <si>
    <t>395000</t>
  </si>
  <si>
    <t>01/12/2012 12:00:00 AM</t>
  </si>
  <si>
    <t>5970</t>
  </si>
  <si>
    <t>01/13/2012 12:00:00 AM</t>
  </si>
  <si>
    <t>176907</t>
  </si>
  <si>
    <t>903</t>
  </si>
  <si>
    <t>01/14/2012 12:00:00 AM</t>
  </si>
  <si>
    <t>38750</t>
  </si>
  <si>
    <t>HACIENDA</t>
  </si>
  <si>
    <t>12300</t>
  </si>
  <si>
    <t>01/15/2012 12:00:00 AM</t>
  </si>
  <si>
    <t>19026</t>
  </si>
  <si>
    <t>01/16/2012 12:00:00 AM</t>
  </si>
  <si>
    <t>3310</t>
  </si>
  <si>
    <t>841</t>
  </si>
  <si>
    <t>01/17/2012 12:00:00 AM</t>
  </si>
  <si>
    <t>20448</t>
  </si>
  <si>
    <t>6928</t>
  </si>
  <si>
    <t>3222</t>
  </si>
  <si>
    <t>01/18/2012 12:00:00 AM</t>
  </si>
  <si>
    <t>36236</t>
  </si>
  <si>
    <t>1079</t>
  </si>
  <si>
    <t>8508</t>
  </si>
  <si>
    <t>43250</t>
  </si>
  <si>
    <t>121400</t>
  </si>
  <si>
    <t>50005</t>
  </si>
  <si>
    <t>13225</t>
  </si>
  <si>
    <t>01/19/2012 12:00:00 AM</t>
  </si>
  <si>
    <t>3909</t>
  </si>
  <si>
    <t>4371</t>
  </si>
  <si>
    <t>1133</t>
  </si>
  <si>
    <t>5740</t>
  </si>
  <si>
    <t>4339</t>
  </si>
  <si>
    <t>1765000</t>
  </si>
  <si>
    <t>50030</t>
  </si>
  <si>
    <t>3900000</t>
  </si>
  <si>
    <t>01/20/2012 12:00:00 AM</t>
  </si>
  <si>
    <t>4255</t>
  </si>
  <si>
    <t>31300</t>
  </si>
  <si>
    <t>2491</t>
  </si>
  <si>
    <t>1936</t>
  </si>
  <si>
    <t>3965</t>
  </si>
  <si>
    <t>5011</t>
  </si>
  <si>
    <t>01/21/2012 12:00:00 AM</t>
  </si>
  <si>
    <t>4509</t>
  </si>
  <si>
    <t>5005</t>
  </si>
  <si>
    <t>6376</t>
  </si>
  <si>
    <t>17779</t>
  </si>
  <si>
    <t>7630</t>
  </si>
  <si>
    <t>4161</t>
  </si>
  <si>
    <t>TIPO EXPLOTACIÓN MARMOL</t>
  </si>
  <si>
    <t>252870</t>
  </si>
  <si>
    <t>01/22/2012 12:00:00 AM</t>
  </si>
  <si>
    <t>7260</t>
  </si>
  <si>
    <t>26413</t>
  </si>
  <si>
    <t>01/23/2012 12:00:00 AM</t>
  </si>
  <si>
    <t>3102</t>
  </si>
  <si>
    <t>3065</t>
  </si>
  <si>
    <t>279000</t>
  </si>
  <si>
    <t>10463</t>
  </si>
  <si>
    <t>01/24/2012 12:00:00 AM</t>
  </si>
  <si>
    <t>5214</t>
  </si>
  <si>
    <t>8551</t>
  </si>
  <si>
    <t>4264</t>
  </si>
  <si>
    <t>5460</t>
  </si>
  <si>
    <t>17557</t>
  </si>
  <si>
    <t>1221</t>
  </si>
  <si>
    <t>4850</t>
  </si>
  <si>
    <t>01/25/2012 12:00:00 AM</t>
  </si>
  <si>
    <t>3970</t>
  </si>
  <si>
    <t>5264</t>
  </si>
  <si>
    <t>9933</t>
  </si>
  <si>
    <t>328000</t>
  </si>
  <si>
    <t>20477</t>
  </si>
  <si>
    <t>1398</t>
  </si>
  <si>
    <t>16350</t>
  </si>
  <si>
    <t>01/26/2012 12:00:00 AM</t>
  </si>
  <si>
    <t>390450</t>
  </si>
  <si>
    <t>333200</t>
  </si>
  <si>
    <t>8214</t>
  </si>
  <si>
    <t>411000</t>
  </si>
  <si>
    <t>78870</t>
  </si>
  <si>
    <t>14798</t>
  </si>
  <si>
    <t>2773</t>
  </si>
  <si>
    <t>13428</t>
  </si>
  <si>
    <t>01/27/2012 12:00:00 AM</t>
  </si>
  <si>
    <t>5797</t>
  </si>
  <si>
    <t>235067</t>
  </si>
  <si>
    <t>110641</t>
  </si>
  <si>
    <t>2108</t>
  </si>
  <si>
    <t>5360</t>
  </si>
  <si>
    <t>23865</t>
  </si>
  <si>
    <t>2853</t>
  </si>
  <si>
    <t>01/28/2012 12:00:00 AM</t>
  </si>
  <si>
    <t>2736</t>
  </si>
  <si>
    <t>77164</t>
  </si>
  <si>
    <t>5940</t>
  </si>
  <si>
    <t>12398</t>
  </si>
  <si>
    <t>7250</t>
  </si>
  <si>
    <t>7502</t>
  </si>
  <si>
    <t>227150</t>
  </si>
  <si>
    <t>01/29/2012 12:00:00 AM</t>
  </si>
  <si>
    <t>2564</t>
  </si>
  <si>
    <t>136439</t>
  </si>
  <si>
    <t>01/30/2012 12:00:00 AM</t>
  </si>
  <si>
    <t>4455</t>
  </si>
  <si>
    <t>4342</t>
  </si>
  <si>
    <t>1567</t>
  </si>
  <si>
    <t>01/31/2012 12:00:00 AM</t>
  </si>
  <si>
    <t>2920</t>
  </si>
  <si>
    <t>3130</t>
  </si>
  <si>
    <t>4153000</t>
  </si>
  <si>
    <t>1348</t>
  </si>
  <si>
    <t>5944</t>
  </si>
  <si>
    <t>1288</t>
  </si>
  <si>
    <t>33500</t>
  </si>
  <si>
    <t>2417</t>
  </si>
  <si>
    <t>4777</t>
  </si>
  <si>
    <t>26265</t>
  </si>
  <si>
    <t>71580</t>
  </si>
  <si>
    <t>3838</t>
  </si>
  <si>
    <t>296875</t>
  </si>
  <si>
    <t>1963000</t>
  </si>
  <si>
    <t>14367</t>
  </si>
  <si>
    <t>642500</t>
  </si>
  <si>
    <t>02/01/2012 12:00:00 AM</t>
  </si>
  <si>
    <t>200550</t>
  </si>
  <si>
    <t>126420</t>
  </si>
  <si>
    <t>104790</t>
  </si>
  <si>
    <t>6010</t>
  </si>
  <si>
    <t>32617</t>
  </si>
  <si>
    <t>200017</t>
  </si>
  <si>
    <t>1908</t>
  </si>
  <si>
    <t>20640</t>
  </si>
  <si>
    <t>02/02/2012 12:00:00 AM</t>
  </si>
  <si>
    <t>17319</t>
  </si>
  <si>
    <t>1181</t>
  </si>
  <si>
    <t>3225</t>
  </si>
  <si>
    <t>41850</t>
  </si>
  <si>
    <t>3454</t>
  </si>
  <si>
    <t>4104</t>
  </si>
  <si>
    <t>25875</t>
  </si>
  <si>
    <t>489700</t>
  </si>
  <si>
    <t>02/03/2012 12:00:00 AM</t>
  </si>
  <si>
    <t>3248</t>
  </si>
  <si>
    <t>105591</t>
  </si>
  <si>
    <t>4993</t>
  </si>
  <si>
    <t>LIBRERIAS</t>
  </si>
  <si>
    <t>119110</t>
  </si>
  <si>
    <t>02/04/2012 12:00:00 AM</t>
  </si>
  <si>
    <t>15974</t>
  </si>
  <si>
    <t>17591</t>
  </si>
  <si>
    <t>267000</t>
  </si>
  <si>
    <t>1554</t>
  </si>
  <si>
    <t>46001</t>
  </si>
  <si>
    <t>550000</t>
  </si>
  <si>
    <t>2194</t>
  </si>
  <si>
    <t>02/05/2012 12:00:00 AM</t>
  </si>
  <si>
    <t>5839</t>
  </si>
  <si>
    <t>3516</t>
  </si>
  <si>
    <t>8820</t>
  </si>
  <si>
    <t>02/06/2012 12:00:00 AM</t>
  </si>
  <si>
    <t>28066</t>
  </si>
  <si>
    <t>5483</t>
  </si>
  <si>
    <t>824</t>
  </si>
  <si>
    <t>1293</t>
  </si>
  <si>
    <t>02/07/2012 12:00:00 AM</t>
  </si>
  <si>
    <t>11154</t>
  </si>
  <si>
    <t>6136</t>
  </si>
  <si>
    <t>5482</t>
  </si>
  <si>
    <t>1017000</t>
  </si>
  <si>
    <t>23035</t>
  </si>
  <si>
    <t>7295</t>
  </si>
  <si>
    <t>2780</t>
  </si>
  <si>
    <t>02/08/2012 12:00:00 AM</t>
  </si>
  <si>
    <t>2970</t>
  </si>
  <si>
    <t>3833</t>
  </si>
  <si>
    <t>77595</t>
  </si>
  <si>
    <t>3859</t>
  </si>
  <si>
    <t>6795</t>
  </si>
  <si>
    <t>02/09/2012 12:00:00 AM</t>
  </si>
  <si>
    <t>7785</t>
  </si>
  <si>
    <t>3172</t>
  </si>
  <si>
    <t>16684</t>
  </si>
  <si>
    <t>7740</t>
  </si>
  <si>
    <t>7235</t>
  </si>
  <si>
    <t>2811</t>
  </si>
  <si>
    <t>10085</t>
  </si>
  <si>
    <t>63030</t>
  </si>
  <si>
    <t>02/10/2012 12:00:00 AM</t>
  </si>
  <si>
    <t>6221</t>
  </si>
  <si>
    <t>6450</t>
  </si>
  <si>
    <t>6339</t>
  </si>
  <si>
    <t>3578</t>
  </si>
  <si>
    <t>9654</t>
  </si>
  <si>
    <t>6900</t>
  </si>
  <si>
    <t>123165</t>
  </si>
  <si>
    <t>9008</t>
  </si>
  <si>
    <t>2869000</t>
  </si>
  <si>
    <t>74953</t>
  </si>
  <si>
    <t>27050</t>
  </si>
  <si>
    <t>02/11/2012 12:00:00 AM</t>
  </si>
  <si>
    <t>1939</t>
  </si>
  <si>
    <t>451000</t>
  </si>
  <si>
    <t>2119</t>
  </si>
  <si>
    <t>1174</t>
  </si>
  <si>
    <t>17458</t>
  </si>
  <si>
    <t>114500</t>
  </si>
  <si>
    <t>02/12/2012 12:00:00 AM</t>
  </si>
  <si>
    <t>3722</t>
  </si>
  <si>
    <t>2382</t>
  </si>
  <si>
    <t>1499</t>
  </si>
  <si>
    <t>2642</t>
  </si>
  <si>
    <t>2417000</t>
  </si>
  <si>
    <t>1393</t>
  </si>
  <si>
    <t>02/13/2012 12:00:00 AM</t>
  </si>
  <si>
    <t>3651</t>
  </si>
  <si>
    <t>2378</t>
  </si>
  <si>
    <t>74932</t>
  </si>
  <si>
    <t>3687000</t>
  </si>
  <si>
    <t>02/14/2012 12:00:00 AM</t>
  </si>
  <si>
    <t>15670</t>
  </si>
  <si>
    <t>4291</t>
  </si>
  <si>
    <t>02/15/2012 12:00:00 AM</t>
  </si>
  <si>
    <t>9937</t>
  </si>
  <si>
    <t>2411</t>
  </si>
  <si>
    <t>5008</t>
  </si>
  <si>
    <t>6360</t>
  </si>
  <si>
    <t>597107</t>
  </si>
  <si>
    <t>52056</t>
  </si>
  <si>
    <t>2832000</t>
  </si>
  <si>
    <t>02/16/2012 12:00:00 AM</t>
  </si>
  <si>
    <t>2710</t>
  </si>
  <si>
    <t>19483</t>
  </si>
  <si>
    <t>7519</t>
  </si>
  <si>
    <t>5259</t>
  </si>
  <si>
    <t>109096</t>
  </si>
  <si>
    <t>246000</t>
  </si>
  <si>
    <t>02/17/2012 12:00:00 AM</t>
  </si>
  <si>
    <t>33123</t>
  </si>
  <si>
    <t>1515</t>
  </si>
  <si>
    <t>6397</t>
  </si>
  <si>
    <t>1779</t>
  </si>
  <si>
    <t>93115</t>
  </si>
  <si>
    <t>02/18/2012 12:00:00 AM</t>
  </si>
  <si>
    <t>5081</t>
  </si>
  <si>
    <t>2029</t>
  </si>
  <si>
    <t>6854</t>
  </si>
  <si>
    <t>CABAÑA</t>
  </si>
  <si>
    <t>637000</t>
  </si>
  <si>
    <t>4158</t>
  </si>
  <si>
    <t>145650</t>
  </si>
  <si>
    <t>02/19/2012 12:00:00 AM</t>
  </si>
  <si>
    <t>5880</t>
  </si>
  <si>
    <t>2976</t>
  </si>
  <si>
    <t>3865</t>
  </si>
  <si>
    <t>273000</t>
  </si>
  <si>
    <t>4200000</t>
  </si>
  <si>
    <t>02/20/2012 12:00:00 AM</t>
  </si>
  <si>
    <t>2691</t>
  </si>
  <si>
    <t>56760</t>
  </si>
  <si>
    <t>02/21/2012 12:00:00 AM</t>
  </si>
  <si>
    <t>16344</t>
  </si>
  <si>
    <t>3869</t>
  </si>
  <si>
    <t>4567</t>
  </si>
  <si>
    <t>255000</t>
  </si>
  <si>
    <t>5570</t>
  </si>
  <si>
    <t>3171</t>
  </si>
  <si>
    <t>3296</t>
  </si>
  <si>
    <t>02/22/2012 12:00:00 AM</t>
  </si>
  <si>
    <t>1887435</t>
  </si>
  <si>
    <t>8918</t>
  </si>
  <si>
    <t>2582</t>
  </si>
  <si>
    <t>5568</t>
  </si>
  <si>
    <t>136125</t>
  </si>
  <si>
    <t>2468</t>
  </si>
  <si>
    <t>2669</t>
  </si>
  <si>
    <t>02/23/2012 12:00:00 AM</t>
  </si>
  <si>
    <t>4242</t>
  </si>
  <si>
    <t>CARMEN DEL DARIEN</t>
  </si>
  <si>
    <t>5019</t>
  </si>
  <si>
    <t>5241</t>
  </si>
  <si>
    <t>3753</t>
  </si>
  <si>
    <t>9114</t>
  </si>
  <si>
    <t>12700</t>
  </si>
  <si>
    <t>10802</t>
  </si>
  <si>
    <t>3550</t>
  </si>
  <si>
    <t>9954</t>
  </si>
  <si>
    <t>6035</t>
  </si>
  <si>
    <t>02/24/2012 12:00:00 AM</t>
  </si>
  <si>
    <t>1962</t>
  </si>
  <si>
    <t>4159</t>
  </si>
  <si>
    <t>21402</t>
  </si>
  <si>
    <t>11185</t>
  </si>
  <si>
    <t>6520</t>
  </si>
  <si>
    <t>02/25/2012 12:00:00 AM</t>
  </si>
  <si>
    <t>17460</t>
  </si>
  <si>
    <t>2544500</t>
  </si>
  <si>
    <t>4191</t>
  </si>
  <si>
    <t>11120</t>
  </si>
  <si>
    <t>9648</t>
  </si>
  <si>
    <t>13380</t>
  </si>
  <si>
    <t>02/26/2012 12:00:00 AM</t>
  </si>
  <si>
    <t>3988</t>
  </si>
  <si>
    <t>13981</t>
  </si>
  <si>
    <t>15088</t>
  </si>
  <si>
    <t>02/27/2012 12:00:00 AM</t>
  </si>
  <si>
    <t>2662</t>
  </si>
  <si>
    <t>197465</t>
  </si>
  <si>
    <t>4962</t>
  </si>
  <si>
    <t>4929</t>
  </si>
  <si>
    <t>2725000</t>
  </si>
  <si>
    <t>20011</t>
  </si>
  <si>
    <t>02/28/2012 12:00:00 AM</t>
  </si>
  <si>
    <t>6758</t>
  </si>
  <si>
    <t>13103</t>
  </si>
  <si>
    <t>3476</t>
  </si>
  <si>
    <t>194400</t>
  </si>
  <si>
    <t>14010</t>
  </si>
  <si>
    <t>6316</t>
  </si>
  <si>
    <t>1333</t>
  </si>
  <si>
    <t>CUBARRAL</t>
  </si>
  <si>
    <t>38007</t>
  </si>
  <si>
    <t>2535</t>
  </si>
  <si>
    <t>2159</t>
  </si>
  <si>
    <t>8800</t>
  </si>
  <si>
    <t>02/29/2012 12:00:00 AM</t>
  </si>
  <si>
    <t>10163</t>
  </si>
  <si>
    <t>1114</t>
  </si>
  <si>
    <t>5924</t>
  </si>
  <si>
    <t>1269</t>
  </si>
  <si>
    <t>3462</t>
  </si>
  <si>
    <t>03/01/2012 12:00:00 AM</t>
  </si>
  <si>
    <t>13659</t>
  </si>
  <si>
    <t>9564</t>
  </si>
  <si>
    <t>121000</t>
  </si>
  <si>
    <t>11307</t>
  </si>
  <si>
    <t>10770</t>
  </si>
  <si>
    <t>153060</t>
  </si>
  <si>
    <t>60124</t>
  </si>
  <si>
    <t>65629</t>
  </si>
  <si>
    <t>415600</t>
  </si>
  <si>
    <t>03/02/2012 12:00:00 AM</t>
  </si>
  <si>
    <t>4179</t>
  </si>
  <si>
    <t>32080</t>
  </si>
  <si>
    <t>7144</t>
  </si>
  <si>
    <t>5635</t>
  </si>
  <si>
    <t>10510</t>
  </si>
  <si>
    <t>03/03/2012 12:00:00 AM</t>
  </si>
  <si>
    <t>99500</t>
  </si>
  <si>
    <t>4638</t>
  </si>
  <si>
    <t>2455</t>
  </si>
  <si>
    <t>1602000</t>
  </si>
  <si>
    <t>4050000</t>
  </si>
  <si>
    <t>03/04/2012 12:00:00 AM</t>
  </si>
  <si>
    <t>3387</t>
  </si>
  <si>
    <t>20080</t>
  </si>
  <si>
    <t>3193</t>
  </si>
  <si>
    <t>6380</t>
  </si>
  <si>
    <t>LA BELLEZA</t>
  </si>
  <si>
    <t>RONCESVALLES</t>
  </si>
  <si>
    <t>03/05/2012 12:00:00 AM</t>
  </si>
  <si>
    <t>2346</t>
  </si>
  <si>
    <t>11187</t>
  </si>
  <si>
    <t>03/06/2012 12:00:00 AM</t>
  </si>
  <si>
    <t>5778</t>
  </si>
  <si>
    <t>777</t>
  </si>
  <si>
    <t>9355</t>
  </si>
  <si>
    <t>3744</t>
  </si>
  <si>
    <t>5988</t>
  </si>
  <si>
    <t>39211</t>
  </si>
  <si>
    <t>1099</t>
  </si>
  <si>
    <t>03/07/2012 12:00:00 AM</t>
  </si>
  <si>
    <t>13674</t>
  </si>
  <si>
    <t>7940</t>
  </si>
  <si>
    <t>61312</t>
  </si>
  <si>
    <t>03/08/2012 12:00:00 AM</t>
  </si>
  <si>
    <t>1463</t>
  </si>
  <si>
    <t>15550</t>
  </si>
  <si>
    <t>1005000</t>
  </si>
  <si>
    <t>35448</t>
  </si>
  <si>
    <t>8386</t>
  </si>
  <si>
    <t>03/09/2012 12:00:00 AM</t>
  </si>
  <si>
    <t>6239</t>
  </si>
  <si>
    <t>1360000</t>
  </si>
  <si>
    <t>8571</t>
  </si>
  <si>
    <t>3199</t>
  </si>
  <si>
    <t>5463</t>
  </si>
  <si>
    <t>4703</t>
  </si>
  <si>
    <t>915000</t>
  </si>
  <si>
    <t>03/10/2012 12:00:00 AM</t>
  </si>
  <si>
    <t>2855</t>
  </si>
  <si>
    <t>105061</t>
  </si>
  <si>
    <t>3596</t>
  </si>
  <si>
    <t>2235</t>
  </si>
  <si>
    <t>7359</t>
  </si>
  <si>
    <t>1746</t>
  </si>
  <si>
    <t>11270</t>
  </si>
  <si>
    <t>171500</t>
  </si>
  <si>
    <t>03/11/2012 12:00:00 AM</t>
  </si>
  <si>
    <t>8270</t>
  </si>
  <si>
    <t>5396</t>
  </si>
  <si>
    <t>24671</t>
  </si>
  <si>
    <t>30470</t>
  </si>
  <si>
    <t>03/12/2012 12:00:00 AM</t>
  </si>
  <si>
    <t>1316</t>
  </si>
  <si>
    <t>94950</t>
  </si>
  <si>
    <t>4263</t>
  </si>
  <si>
    <t>5221</t>
  </si>
  <si>
    <t>3468</t>
  </si>
  <si>
    <t>4001</t>
  </si>
  <si>
    <t>5975</t>
  </si>
  <si>
    <t>03/13/2012 12:00:00 AM</t>
  </si>
  <si>
    <t>3819000</t>
  </si>
  <si>
    <t>15767</t>
  </si>
  <si>
    <t>63415</t>
  </si>
  <si>
    <t>03/14/2012 12:00:00 AM</t>
  </si>
  <si>
    <t>3372</t>
  </si>
  <si>
    <t>10242</t>
  </si>
  <si>
    <t>8805</t>
  </si>
  <si>
    <t>10217</t>
  </si>
  <si>
    <t>4502</t>
  </si>
  <si>
    <t>18200</t>
  </si>
  <si>
    <t>03/15/2012 12:00:00 AM</t>
  </si>
  <si>
    <t>2006</t>
  </si>
  <si>
    <t>1744</t>
  </si>
  <si>
    <t>5121</t>
  </si>
  <si>
    <t>11290</t>
  </si>
  <si>
    <t>2356</t>
  </si>
  <si>
    <t>4863</t>
  </si>
  <si>
    <t>16596</t>
  </si>
  <si>
    <t>80543</t>
  </si>
  <si>
    <t>129517</t>
  </si>
  <si>
    <t>4715</t>
  </si>
  <si>
    <t>03/16/2012 12:00:00 AM</t>
  </si>
  <si>
    <t>15314</t>
  </si>
  <si>
    <t>3152</t>
  </si>
  <si>
    <t>60230</t>
  </si>
  <si>
    <t>159000</t>
  </si>
  <si>
    <t>7725</t>
  </si>
  <si>
    <t>03/17/2012 12:00:00 AM</t>
  </si>
  <si>
    <t>2048</t>
  </si>
  <si>
    <t>8001</t>
  </si>
  <si>
    <t>314701</t>
  </si>
  <si>
    <t>2228</t>
  </si>
  <si>
    <t>13514</t>
  </si>
  <si>
    <t>3836</t>
  </si>
  <si>
    <t>1050000</t>
  </si>
  <si>
    <t>4445</t>
  </si>
  <si>
    <t>3878</t>
  </si>
  <si>
    <t>142000</t>
  </si>
  <si>
    <t>9915</t>
  </si>
  <si>
    <t>285000</t>
  </si>
  <si>
    <t>03/18/2012 12:00:00 AM</t>
  </si>
  <si>
    <t>3731</t>
  </si>
  <si>
    <t>3910</t>
  </si>
  <si>
    <t>03/19/2012 12:00:00 AM</t>
  </si>
  <si>
    <t>TIPO EXPLOTACIÓN SAL</t>
  </si>
  <si>
    <t>1889</t>
  </si>
  <si>
    <t>2444</t>
  </si>
  <si>
    <t>7277</t>
  </si>
  <si>
    <t>2307</t>
  </si>
  <si>
    <t>71000</t>
  </si>
  <si>
    <t>922</t>
  </si>
  <si>
    <t>03/20/2012 12:00:00 AM</t>
  </si>
  <si>
    <t>8010</t>
  </si>
  <si>
    <t>6306</t>
  </si>
  <si>
    <t>03/21/2012 12:00:00 AM</t>
  </si>
  <si>
    <t>799</t>
  </si>
  <si>
    <t>4087</t>
  </si>
  <si>
    <t>3905</t>
  </si>
  <si>
    <t>03/22/2012 12:00:00 AM</t>
  </si>
  <si>
    <t>6402</t>
  </si>
  <si>
    <t>MONGUÍ</t>
  </si>
  <si>
    <t>388960</t>
  </si>
  <si>
    <t>BITUIMA</t>
  </si>
  <si>
    <t>1602</t>
  </si>
  <si>
    <t>5620</t>
  </si>
  <si>
    <t>85558</t>
  </si>
  <si>
    <t>1415</t>
  </si>
  <si>
    <t>2543</t>
  </si>
  <si>
    <t>03/23/2012 12:00:00 AM</t>
  </si>
  <si>
    <t>8610</t>
  </si>
  <si>
    <t>4957</t>
  </si>
  <si>
    <t>5914</t>
  </si>
  <si>
    <t>2463</t>
  </si>
  <si>
    <t>318348</t>
  </si>
  <si>
    <t>409720</t>
  </si>
  <si>
    <t>03/24/2012 12:00:00 AM</t>
  </si>
  <si>
    <t>23500</t>
  </si>
  <si>
    <t>23546</t>
  </si>
  <si>
    <t>9100</t>
  </si>
  <si>
    <t>2763000</t>
  </si>
  <si>
    <t>31100</t>
  </si>
  <si>
    <t>03/25/2012 12:00:00 AM</t>
  </si>
  <si>
    <t>1231</t>
  </si>
  <si>
    <t>14724</t>
  </si>
  <si>
    <t>13528</t>
  </si>
  <si>
    <t>2331000</t>
  </si>
  <si>
    <t>540000</t>
  </si>
  <si>
    <t>9405</t>
  </si>
  <si>
    <t>17240</t>
  </si>
  <si>
    <t>23675</t>
  </si>
  <si>
    <t>03/26/2012 12:00:00 AM</t>
  </si>
  <si>
    <t>4798</t>
  </si>
  <si>
    <t>5895</t>
  </si>
  <si>
    <t>CONDOTO</t>
  </si>
  <si>
    <t>16092</t>
  </si>
  <si>
    <t>5926</t>
  </si>
  <si>
    <t>22400</t>
  </si>
  <si>
    <t>03/27/2012 12:00:00 AM</t>
  </si>
  <si>
    <t>5780</t>
  </si>
  <si>
    <t>6016</t>
  </si>
  <si>
    <t>287850</t>
  </si>
  <si>
    <t>347006</t>
  </si>
  <si>
    <t>03/28/2012 12:00:00 AM</t>
  </si>
  <si>
    <t>2527</t>
  </si>
  <si>
    <t>5477</t>
  </si>
  <si>
    <t>9964</t>
  </si>
  <si>
    <t>9575</t>
  </si>
  <si>
    <t>9028</t>
  </si>
  <si>
    <t>3797</t>
  </si>
  <si>
    <t>5865</t>
  </si>
  <si>
    <t>32141</t>
  </si>
  <si>
    <t>03/29/2012 12:00:00 AM</t>
  </si>
  <si>
    <t>1455</t>
  </si>
  <si>
    <t>DESGUAZADERO</t>
  </si>
  <si>
    <t>5965</t>
  </si>
  <si>
    <t>5395</t>
  </si>
  <si>
    <t>305850</t>
  </si>
  <si>
    <t>03/30/2012 12:00:00 AM</t>
  </si>
  <si>
    <t>4594</t>
  </si>
  <si>
    <t>11045</t>
  </si>
  <si>
    <t>771000</t>
  </si>
  <si>
    <t>4338</t>
  </si>
  <si>
    <t>1683</t>
  </si>
  <si>
    <t>244676</t>
  </si>
  <si>
    <t>51404</t>
  </si>
  <si>
    <t>60066</t>
  </si>
  <si>
    <t>03/31/2012 12:00:00 AM</t>
  </si>
  <si>
    <t>4433</t>
  </si>
  <si>
    <t>27324</t>
  </si>
  <si>
    <t>04/01/2012 12:00:00 AM</t>
  </si>
  <si>
    <t>322000</t>
  </si>
  <si>
    <t>74000</t>
  </si>
  <si>
    <t>305000</t>
  </si>
  <si>
    <t>4972</t>
  </si>
  <si>
    <t>3016000</t>
  </si>
  <si>
    <t>04/02/2012 12:00:00 AM</t>
  </si>
  <si>
    <t>3521</t>
  </si>
  <si>
    <t>18609</t>
  </si>
  <si>
    <t>14707</t>
  </si>
  <si>
    <t>04/03/2012 12:00:00 AM</t>
  </si>
  <si>
    <t>04/04/2012 12:00:00 AM</t>
  </si>
  <si>
    <t>1338</t>
  </si>
  <si>
    <t>5506</t>
  </si>
  <si>
    <t>977</t>
  </si>
  <si>
    <t>79925</t>
  </si>
  <si>
    <t>1596</t>
  </si>
  <si>
    <t>04/05/2012 12:00:00 AM</t>
  </si>
  <si>
    <t>14400</t>
  </si>
  <si>
    <t>5307</t>
  </si>
  <si>
    <t>131395</t>
  </si>
  <si>
    <t>74658</t>
  </si>
  <si>
    <t>04/06/2012 12:00:00 AM</t>
  </si>
  <si>
    <t>2308</t>
  </si>
  <si>
    <t>66705</t>
  </si>
  <si>
    <t>6300000</t>
  </si>
  <si>
    <t>04/07/2012 12:00:00 AM</t>
  </si>
  <si>
    <t>63287</t>
  </si>
  <si>
    <t>4884</t>
  </si>
  <si>
    <t>2647</t>
  </si>
  <si>
    <t>04/08/2012 12:00:00 AM</t>
  </si>
  <si>
    <t>17730</t>
  </si>
  <si>
    <t>04/09/2012 12:00:00 AM</t>
  </si>
  <si>
    <t>1256</t>
  </si>
  <si>
    <t>1991</t>
  </si>
  <si>
    <t>12007</t>
  </si>
  <si>
    <t>40014</t>
  </si>
  <si>
    <t>04/10/2012 12:00:00 AM</t>
  </si>
  <si>
    <t>82350</t>
  </si>
  <si>
    <t>4978</t>
  </si>
  <si>
    <t>2772</t>
  </si>
  <si>
    <t>4786</t>
  </si>
  <si>
    <t>5146</t>
  </si>
  <si>
    <t>31500</t>
  </si>
  <si>
    <t>04/11/2012 12:00:00 AM</t>
  </si>
  <si>
    <t>384585</t>
  </si>
  <si>
    <t>6905</t>
  </si>
  <si>
    <t>4347</t>
  </si>
  <si>
    <t>1269798</t>
  </si>
  <si>
    <t>7727</t>
  </si>
  <si>
    <t>12070</t>
  </si>
  <si>
    <t>19670</t>
  </si>
  <si>
    <t>04/12/2012 12:00:00 AM</t>
  </si>
  <si>
    <t>9992</t>
  </si>
  <si>
    <t>10459</t>
  </si>
  <si>
    <t>4630</t>
  </si>
  <si>
    <t>1613</t>
  </si>
  <si>
    <t>2472</t>
  </si>
  <si>
    <t>10800</t>
  </si>
  <si>
    <t>04/13/2012 12:00:00 AM</t>
  </si>
  <si>
    <t>4932</t>
  </si>
  <si>
    <t>22240</t>
  </si>
  <si>
    <t>2701</t>
  </si>
  <si>
    <t>74915</t>
  </si>
  <si>
    <t>04/14/2012 12:00:00 AM</t>
  </si>
  <si>
    <t>5356</t>
  </si>
  <si>
    <t>166033</t>
  </si>
  <si>
    <t>6876</t>
  </si>
  <si>
    <t>4153</t>
  </si>
  <si>
    <t>2656</t>
  </si>
  <si>
    <t>04/15/2012 12:00:00 AM</t>
  </si>
  <si>
    <t>113069</t>
  </si>
  <si>
    <t>5163</t>
  </si>
  <si>
    <t>1352</t>
  </si>
  <si>
    <t>4669</t>
  </si>
  <si>
    <t>04/16/2012 12:00:00 AM</t>
  </si>
  <si>
    <t>6615</t>
  </si>
  <si>
    <t>8020</t>
  </si>
  <si>
    <t>69871</t>
  </si>
  <si>
    <t>2271</t>
  </si>
  <si>
    <t>49900</t>
  </si>
  <si>
    <t>9700</t>
  </si>
  <si>
    <t>7182</t>
  </si>
  <si>
    <t>8255</t>
  </si>
  <si>
    <t>316000</t>
  </si>
  <si>
    <t>04/17/2012 12:00:00 AM</t>
  </si>
  <si>
    <t>4048</t>
  </si>
  <si>
    <t>51917</t>
  </si>
  <si>
    <t>59051</t>
  </si>
  <si>
    <t>59400</t>
  </si>
  <si>
    <t>42915</t>
  </si>
  <si>
    <t>04/18/2012 12:00:00 AM</t>
  </si>
  <si>
    <t>9421</t>
  </si>
  <si>
    <t>60592</t>
  </si>
  <si>
    <t>122807</t>
  </si>
  <si>
    <t>2508</t>
  </si>
  <si>
    <t>7026</t>
  </si>
  <si>
    <t>1261</t>
  </si>
  <si>
    <t>2520</t>
  </si>
  <si>
    <t>04/19/2012 12:00:00 AM</t>
  </si>
  <si>
    <t>8097</t>
  </si>
  <si>
    <t>51755</t>
  </si>
  <si>
    <t>OROCUÉ</t>
  </si>
  <si>
    <t>117000</t>
  </si>
  <si>
    <t>4041</t>
  </si>
  <si>
    <t>3636</t>
  </si>
  <si>
    <t>1425000</t>
  </si>
  <si>
    <t>12679</t>
  </si>
  <si>
    <t>25980</t>
  </si>
  <si>
    <t>52080</t>
  </si>
  <si>
    <t>137065</t>
  </si>
  <si>
    <t>04/20/2012 12:00:00 AM</t>
  </si>
  <si>
    <t>2386</t>
  </si>
  <si>
    <t>5092</t>
  </si>
  <si>
    <t>1947</t>
  </si>
  <si>
    <t>34190</t>
  </si>
  <si>
    <t>04/21/2012 12:00:00 AM</t>
  </si>
  <si>
    <t>20351</t>
  </si>
  <si>
    <t>59845</t>
  </si>
  <si>
    <t>331825</t>
  </si>
  <si>
    <t>4350000</t>
  </si>
  <si>
    <t>04/22/2012 12:00:00 AM</t>
  </si>
  <si>
    <t>5404</t>
  </si>
  <si>
    <t>CIÉNEGA</t>
  </si>
  <si>
    <t>04/23/2012 12:00:00 AM</t>
  </si>
  <si>
    <t>3038</t>
  </si>
  <si>
    <t>10761</t>
  </si>
  <si>
    <t>18350</t>
  </si>
  <si>
    <t>04/24/2012 12:00:00 AM</t>
  </si>
  <si>
    <t>102315</t>
  </si>
  <si>
    <t>111544</t>
  </si>
  <si>
    <t>52435</t>
  </si>
  <si>
    <t>31137</t>
  </si>
  <si>
    <t>04/25/2012 12:00:00 AM</t>
  </si>
  <si>
    <t>7141</t>
  </si>
  <si>
    <t>275000</t>
  </si>
  <si>
    <t>401963</t>
  </si>
  <si>
    <t>3408000</t>
  </si>
  <si>
    <t>152115</t>
  </si>
  <si>
    <t>890000</t>
  </si>
  <si>
    <t>1510000</t>
  </si>
  <si>
    <t>2399</t>
  </si>
  <si>
    <t>04/26/2012 12:00:00 AM</t>
  </si>
  <si>
    <t>42806</t>
  </si>
  <si>
    <t>115816</t>
  </si>
  <si>
    <t>13300</t>
  </si>
  <si>
    <t>65161</t>
  </si>
  <si>
    <t>3360000</t>
  </si>
  <si>
    <t>04/27/2012 12:00:00 AM</t>
  </si>
  <si>
    <t>1281228</t>
  </si>
  <si>
    <t>VILLAHERMOSA</t>
  </si>
  <si>
    <t>4446</t>
  </si>
  <si>
    <t>04/28/2012 12:00:00 AM</t>
  </si>
  <si>
    <t>1179</t>
  </si>
  <si>
    <t>2850</t>
  </si>
  <si>
    <t>2822</t>
  </si>
  <si>
    <t>385733</t>
  </si>
  <si>
    <t>9979</t>
  </si>
  <si>
    <t>12259</t>
  </si>
  <si>
    <t>1772</t>
  </si>
  <si>
    <t>04/29/2012 12:00:00 AM</t>
  </si>
  <si>
    <t>161000</t>
  </si>
  <si>
    <t>9427</t>
  </si>
  <si>
    <t>04/30/2012 12:00:00 AM</t>
  </si>
  <si>
    <t>6381</t>
  </si>
  <si>
    <t>2225</t>
  </si>
  <si>
    <t>4162</t>
  </si>
  <si>
    <t>05/01/2012 12:00:00 AM</t>
  </si>
  <si>
    <t>12236</t>
  </si>
  <si>
    <t>161446</t>
  </si>
  <si>
    <t>05/02/2012 12:00:00 AM</t>
  </si>
  <si>
    <t>7220</t>
  </si>
  <si>
    <t>10845</t>
  </si>
  <si>
    <t>18778</t>
  </si>
  <si>
    <t>50028</t>
  </si>
  <si>
    <t>6630</t>
  </si>
  <si>
    <t>05/03/2012 12:00:00 AM</t>
  </si>
  <si>
    <t>6736</t>
  </si>
  <si>
    <t>983</t>
  </si>
  <si>
    <t>202448</t>
  </si>
  <si>
    <t>5838</t>
  </si>
  <si>
    <t>210289</t>
  </si>
  <si>
    <t>33596</t>
  </si>
  <si>
    <t>3177</t>
  </si>
  <si>
    <t>250697</t>
  </si>
  <si>
    <t>7750</t>
  </si>
  <si>
    <t>05/04/2012 12:00:00 AM</t>
  </si>
  <si>
    <t>2889</t>
  </si>
  <si>
    <t>3627</t>
  </si>
  <si>
    <t>3541</t>
  </si>
  <si>
    <t>20005</t>
  </si>
  <si>
    <t>1823</t>
  </si>
  <si>
    <t>100935</t>
  </si>
  <si>
    <t>05/05/2012 12:00:00 AM</t>
  </si>
  <si>
    <t>2297</t>
  </si>
  <si>
    <t>9116</t>
  </si>
  <si>
    <t>MOTAVITA</t>
  </si>
  <si>
    <t>3349</t>
  </si>
  <si>
    <t>3551</t>
  </si>
  <si>
    <t>15741</t>
  </si>
  <si>
    <t>25150</t>
  </si>
  <si>
    <t>3146</t>
  </si>
  <si>
    <t>05/06/2012 12:00:00 AM</t>
  </si>
  <si>
    <t>2009500</t>
  </si>
  <si>
    <t>2219</t>
  </si>
  <si>
    <t>3352</t>
  </si>
  <si>
    <t>42303</t>
  </si>
  <si>
    <t>05/07/2012 12:00:00 AM</t>
  </si>
  <si>
    <t>3276</t>
  </si>
  <si>
    <t>05/08/2012 12:00:00 AM</t>
  </si>
  <si>
    <t>362000</t>
  </si>
  <si>
    <t>4694</t>
  </si>
  <si>
    <t>17930</t>
  </si>
  <si>
    <t>3345</t>
  </si>
  <si>
    <t>RÍO VIEJO</t>
  </si>
  <si>
    <t>3968</t>
  </si>
  <si>
    <t>3068000</t>
  </si>
  <si>
    <t>5105</t>
  </si>
  <si>
    <t>05/09/2012 12:00:00 AM</t>
  </si>
  <si>
    <t>33855</t>
  </si>
  <si>
    <t>4717</t>
  </si>
  <si>
    <t>3069</t>
  </si>
  <si>
    <t>5621</t>
  </si>
  <si>
    <t>12730</t>
  </si>
  <si>
    <t>05/10/2012 12:00:00 AM</t>
  </si>
  <si>
    <t>8652</t>
  </si>
  <si>
    <t>28180</t>
  </si>
  <si>
    <t>14544</t>
  </si>
  <si>
    <t>12545</t>
  </si>
  <si>
    <t>28360</t>
  </si>
  <si>
    <t>5518</t>
  </si>
  <si>
    <t>6303</t>
  </si>
  <si>
    <t>39025</t>
  </si>
  <si>
    <t>05/11/2012 12:00:00 AM</t>
  </si>
  <si>
    <t>6095</t>
  </si>
  <si>
    <t>41555</t>
  </si>
  <si>
    <t>439000</t>
  </si>
  <si>
    <t>2557</t>
  </si>
  <si>
    <t>25546</t>
  </si>
  <si>
    <t>05/12/2012 12:00:00 AM</t>
  </si>
  <si>
    <t>CORREDORES FLUVIALES</t>
  </si>
  <si>
    <t>15969</t>
  </si>
  <si>
    <t>34681</t>
  </si>
  <si>
    <t>12045</t>
  </si>
  <si>
    <t>7610</t>
  </si>
  <si>
    <t>05/13/2012 12:00:00 AM</t>
  </si>
  <si>
    <t>16784</t>
  </si>
  <si>
    <t>05/14/2012 12:00:00 AM</t>
  </si>
  <si>
    <t>4686</t>
  </si>
  <si>
    <t>20120</t>
  </si>
  <si>
    <t>05/15/2012 12:00:00 AM</t>
  </si>
  <si>
    <t>77980</t>
  </si>
  <si>
    <t>3678</t>
  </si>
  <si>
    <t>05/16/2012 12:00:00 AM</t>
  </si>
  <si>
    <t>5516</t>
  </si>
  <si>
    <t>4778</t>
  </si>
  <si>
    <t>1524800</t>
  </si>
  <si>
    <t>05/17/2012 12:00:00 AM</t>
  </si>
  <si>
    <t>6192</t>
  </si>
  <si>
    <t>17033</t>
  </si>
  <si>
    <t>1378</t>
  </si>
  <si>
    <t>23200</t>
  </si>
  <si>
    <t>15822</t>
  </si>
  <si>
    <t>05/18/2012 12:00:00 AM</t>
  </si>
  <si>
    <t>12170</t>
  </si>
  <si>
    <t>1815</t>
  </si>
  <si>
    <t>2894</t>
  </si>
  <si>
    <t>30087</t>
  </si>
  <si>
    <t>1761</t>
  </si>
  <si>
    <t>2568</t>
  </si>
  <si>
    <t>6264</t>
  </si>
  <si>
    <t>612000</t>
  </si>
  <si>
    <t>05/19/2012 12:00:00 AM</t>
  </si>
  <si>
    <t>5484</t>
  </si>
  <si>
    <t>3760</t>
  </si>
  <si>
    <t>4609</t>
  </si>
  <si>
    <t>05/20/2012 12:00:00 AM</t>
  </si>
  <si>
    <t>7832</t>
  </si>
  <si>
    <t>13046</t>
  </si>
  <si>
    <t>1009768</t>
  </si>
  <si>
    <t>29362</t>
  </si>
  <si>
    <t>6448</t>
  </si>
  <si>
    <t>05/21/2012 12:00:00 AM</t>
  </si>
  <si>
    <t>8906</t>
  </si>
  <si>
    <t>3914</t>
  </si>
  <si>
    <t>2986</t>
  </si>
  <si>
    <t>3050</t>
  </si>
  <si>
    <t>05/22/2012 12:00:00 AM</t>
  </si>
  <si>
    <t>9430</t>
  </si>
  <si>
    <t>2166</t>
  </si>
  <si>
    <t>4641000</t>
  </si>
  <si>
    <t>05/23/2012 12:00:00 AM</t>
  </si>
  <si>
    <t>10583</t>
  </si>
  <si>
    <t>4892</t>
  </si>
  <si>
    <t>15977</t>
  </si>
  <si>
    <t>3635</t>
  </si>
  <si>
    <t>3659</t>
  </si>
  <si>
    <t>05/24/2012 12:00:00 AM</t>
  </si>
  <si>
    <t>4283</t>
  </si>
  <si>
    <t>41143</t>
  </si>
  <si>
    <t>NUEVO COLÓN</t>
  </si>
  <si>
    <t>5333</t>
  </si>
  <si>
    <t>3919</t>
  </si>
  <si>
    <t>14640</t>
  </si>
  <si>
    <t>28890</t>
  </si>
  <si>
    <t>11210</t>
  </si>
  <si>
    <t>26650</t>
  </si>
  <si>
    <t>408127</t>
  </si>
  <si>
    <t>05/25/2012 12:00:00 AM</t>
  </si>
  <si>
    <t>30487</t>
  </si>
  <si>
    <t>11775</t>
  </si>
  <si>
    <t>249000</t>
  </si>
  <si>
    <t>165025</t>
  </si>
  <si>
    <t>22710</t>
  </si>
  <si>
    <t>05/26/2012 12:00:00 AM</t>
  </si>
  <si>
    <t>19300</t>
  </si>
  <si>
    <t>1343</t>
  </si>
  <si>
    <t>1888</t>
  </si>
  <si>
    <t>19962</t>
  </si>
  <si>
    <t>5375</t>
  </si>
  <si>
    <t>2134</t>
  </si>
  <si>
    <t>05/27/2012 12:00:00 AM</t>
  </si>
  <si>
    <t>6963</t>
  </si>
  <si>
    <t>2175</t>
  </si>
  <si>
    <t>1943</t>
  </si>
  <si>
    <t>19150</t>
  </si>
  <si>
    <t>05/28/2012 12:00:00 AM</t>
  </si>
  <si>
    <t>7800</t>
  </si>
  <si>
    <t>4132</t>
  </si>
  <si>
    <t>05/29/2012 12:00:00 AM</t>
  </si>
  <si>
    <t>20786</t>
  </si>
  <si>
    <t>1676</t>
  </si>
  <si>
    <t>10525</t>
  </si>
  <si>
    <t>8539</t>
  </si>
  <si>
    <t>497000</t>
  </si>
  <si>
    <t>2237</t>
  </si>
  <si>
    <t>95200</t>
  </si>
  <si>
    <t>10099</t>
  </si>
  <si>
    <t>20375</t>
  </si>
  <si>
    <t>05/30/2012 12:00:00 AM</t>
  </si>
  <si>
    <t>10250</t>
  </si>
  <si>
    <t>15080</t>
  </si>
  <si>
    <t>17927</t>
  </si>
  <si>
    <t>11363</t>
  </si>
  <si>
    <t>31474</t>
  </si>
  <si>
    <t>159007</t>
  </si>
  <si>
    <t>2921</t>
  </si>
  <si>
    <t>55090</t>
  </si>
  <si>
    <t>05/31/2012 12:00:00 AM</t>
  </si>
  <si>
    <t>26370</t>
  </si>
  <si>
    <t>19370</t>
  </si>
  <si>
    <t>17100</t>
  </si>
  <si>
    <t>56000</t>
  </si>
  <si>
    <t>22252</t>
  </si>
  <si>
    <t>7400</t>
  </si>
  <si>
    <t>570000</t>
  </si>
  <si>
    <t>06/01/2012 12:00:00 AM</t>
  </si>
  <si>
    <t>3562</t>
  </si>
  <si>
    <t>2263750</t>
  </si>
  <si>
    <t>280988</t>
  </si>
  <si>
    <t>06/02/2012 12:00:00 AM</t>
  </si>
  <si>
    <t>3982</t>
  </si>
  <si>
    <t>56886</t>
  </si>
  <si>
    <t>21490</t>
  </si>
  <si>
    <t>7008</t>
  </si>
  <si>
    <t>06/03/2012 12:00:00 AM</t>
  </si>
  <si>
    <t>4049</t>
  </si>
  <si>
    <t>41070</t>
  </si>
  <si>
    <t>06/04/2012 12:00:00 AM</t>
  </si>
  <si>
    <t>2849</t>
  </si>
  <si>
    <t>5056</t>
  </si>
  <si>
    <t>16040</t>
  </si>
  <si>
    <t>06/05/2012 12:00:00 AM</t>
  </si>
  <si>
    <t>2181</t>
  </si>
  <si>
    <t>36131</t>
  </si>
  <si>
    <t>38320</t>
  </si>
  <si>
    <t>3181</t>
  </si>
  <si>
    <t>58905</t>
  </si>
  <si>
    <t>8044</t>
  </si>
  <si>
    <t>603385</t>
  </si>
  <si>
    <t>2716</t>
  </si>
  <si>
    <t>06/06/2012 12:00:00 AM</t>
  </si>
  <si>
    <t>6527</t>
  </si>
  <si>
    <t>6236</t>
  </si>
  <si>
    <t>3395500</t>
  </si>
  <si>
    <t>35730</t>
  </si>
  <si>
    <t>06/07/2012 12:00:00 AM</t>
  </si>
  <si>
    <t>395500</t>
  </si>
  <si>
    <t>455070</t>
  </si>
  <si>
    <t>2904</t>
  </si>
  <si>
    <t>6502</t>
  </si>
  <si>
    <t>4271</t>
  </si>
  <si>
    <t>06/08/2012 12:00:00 AM</t>
  </si>
  <si>
    <t>3658</t>
  </si>
  <si>
    <t>47608</t>
  </si>
  <si>
    <t>24345</t>
  </si>
  <si>
    <t>332642</t>
  </si>
  <si>
    <t>970000</t>
  </si>
  <si>
    <t>204850</t>
  </si>
  <si>
    <t>24310</t>
  </si>
  <si>
    <t>19261</t>
  </si>
  <si>
    <t>06/09/2012 12:00:00 AM</t>
  </si>
  <si>
    <t>101800</t>
  </si>
  <si>
    <t>5002</t>
  </si>
  <si>
    <t>9130</t>
  </si>
  <si>
    <t>11913</t>
  </si>
  <si>
    <t>1377</t>
  </si>
  <si>
    <t>3984</t>
  </si>
  <si>
    <t>06/10/2012 12:00:00 AM</t>
  </si>
  <si>
    <t>1509</t>
  </si>
  <si>
    <t>06/11/2012 12:00:00 AM</t>
  </si>
  <si>
    <t>4376</t>
  </si>
  <si>
    <t>2927</t>
  </si>
  <si>
    <t>06/12/2012 12:00:00 AM</t>
  </si>
  <si>
    <t>6827</t>
  </si>
  <si>
    <t>41895</t>
  </si>
  <si>
    <t>06/13/2012 12:00:00 AM</t>
  </si>
  <si>
    <t>2728</t>
  </si>
  <si>
    <t>06/14/2012 12:00:00 AM</t>
  </si>
  <si>
    <t>32595</t>
  </si>
  <si>
    <t>8603</t>
  </si>
  <si>
    <t>1519</t>
  </si>
  <si>
    <t>3162</t>
  </si>
  <si>
    <t>4920</t>
  </si>
  <si>
    <t>4830</t>
  </si>
  <si>
    <t>06/15/2012 12:00:00 AM</t>
  </si>
  <si>
    <t>2415</t>
  </si>
  <si>
    <t>2749</t>
  </si>
  <si>
    <t>4547</t>
  </si>
  <si>
    <t>5492</t>
  </si>
  <si>
    <t>7212</t>
  </si>
  <si>
    <t>2112</t>
  </si>
  <si>
    <t>35400</t>
  </si>
  <si>
    <t>06/16/2012 12:00:00 AM</t>
  </si>
  <si>
    <t>8776</t>
  </si>
  <si>
    <t>4924</t>
  </si>
  <si>
    <t>18037</t>
  </si>
  <si>
    <t>06/17/2012 12:00:00 AM</t>
  </si>
  <si>
    <t>06/18/2012 12:00:00 AM</t>
  </si>
  <si>
    <t>1703</t>
  </si>
  <si>
    <t>396000</t>
  </si>
  <si>
    <t>06/19/2012 12:00:00 AM</t>
  </si>
  <si>
    <t>3042</t>
  </si>
  <si>
    <t>6500000</t>
  </si>
  <si>
    <t>29764</t>
  </si>
  <si>
    <t>06/20/2012 12:00:00 AM</t>
  </si>
  <si>
    <t>4849</t>
  </si>
  <si>
    <t>7679</t>
  </si>
  <si>
    <t>3652</t>
  </si>
  <si>
    <t>06/21/2012 12:00:00 AM</t>
  </si>
  <si>
    <t>5827</t>
  </si>
  <si>
    <t>340000</t>
  </si>
  <si>
    <t>8435</t>
  </si>
  <si>
    <t>5076</t>
  </si>
  <si>
    <t>201400</t>
  </si>
  <si>
    <t>1819</t>
  </si>
  <si>
    <t>2030000</t>
  </si>
  <si>
    <t>290740</t>
  </si>
  <si>
    <t>250025</t>
  </si>
  <si>
    <t>06/22/2012 12:00:00 AM</t>
  </si>
  <si>
    <t>2914</t>
  </si>
  <si>
    <t>380409</t>
  </si>
  <si>
    <t>16362</t>
  </si>
  <si>
    <t>2542</t>
  </si>
  <si>
    <t>2727</t>
  </si>
  <si>
    <t>3127</t>
  </si>
  <si>
    <t>25480</t>
  </si>
  <si>
    <t>4185</t>
  </si>
  <si>
    <t>CHIMA</t>
  </si>
  <si>
    <t>06/23/2012 12:00:00 AM</t>
  </si>
  <si>
    <t>2905</t>
  </si>
  <si>
    <t>2891</t>
  </si>
  <si>
    <t>930000</t>
  </si>
  <si>
    <t>7024</t>
  </si>
  <si>
    <t>2186</t>
  </si>
  <si>
    <t>26725</t>
  </si>
  <si>
    <t>64453</t>
  </si>
  <si>
    <t>06/24/2012 12:00:00 AM</t>
  </si>
  <si>
    <t>2547</t>
  </si>
  <si>
    <t>06/25/2012 12:00:00 AM</t>
  </si>
  <si>
    <t>1972</t>
  </si>
  <si>
    <t>3979</t>
  </si>
  <si>
    <t>9086</t>
  </si>
  <si>
    <t>2286</t>
  </si>
  <si>
    <t>178102</t>
  </si>
  <si>
    <t>06/26/2012 12:00:00 AM</t>
  </si>
  <si>
    <t>6735</t>
  </si>
  <si>
    <t>17222</t>
  </si>
  <si>
    <t>11110</t>
  </si>
  <si>
    <t>06/27/2012 12:00:00 AM</t>
  </si>
  <si>
    <t>4468</t>
  </si>
  <si>
    <t>4141</t>
  </si>
  <si>
    <t>750000</t>
  </si>
  <si>
    <t>9091</t>
  </si>
  <si>
    <t>5012</t>
  </si>
  <si>
    <t>10891</t>
  </si>
  <si>
    <t>06/28/2012 12:00:00 AM</t>
  </si>
  <si>
    <t>21040</t>
  </si>
  <si>
    <t>6012</t>
  </si>
  <si>
    <t>4896</t>
  </si>
  <si>
    <t>51030</t>
  </si>
  <si>
    <t>06/29/2012 12:00:00 AM</t>
  </si>
  <si>
    <t>179700</t>
  </si>
  <si>
    <t>4868</t>
  </si>
  <si>
    <t>1922</t>
  </si>
  <si>
    <t>50710</t>
  </si>
  <si>
    <t>540035</t>
  </si>
  <si>
    <t>155953</t>
  </si>
  <si>
    <t>06/30/2012 12:00:00 AM</t>
  </si>
  <si>
    <t>8085</t>
  </si>
  <si>
    <t>6005</t>
  </si>
  <si>
    <t>960000</t>
  </si>
  <si>
    <t>11895</t>
  </si>
  <si>
    <t>19532</t>
  </si>
  <si>
    <t>07/01/2012 12:00:00 AM</t>
  </si>
  <si>
    <t>13800</t>
  </si>
  <si>
    <t>07/02/2012 12:00:00 AM</t>
  </si>
  <si>
    <t>3098</t>
  </si>
  <si>
    <t>722000</t>
  </si>
  <si>
    <t>9685</t>
  </si>
  <si>
    <t>14979</t>
  </si>
  <si>
    <t>07/03/2012 12:00:00 AM</t>
  </si>
  <si>
    <t>603000</t>
  </si>
  <si>
    <t>10489</t>
  </si>
  <si>
    <t>2143</t>
  </si>
  <si>
    <t>825000</t>
  </si>
  <si>
    <t>92268</t>
  </si>
  <si>
    <t>506010</t>
  </si>
  <si>
    <t>07/04/2012 12:00:00 AM</t>
  </si>
  <si>
    <t>7891</t>
  </si>
  <si>
    <t>07/05/2012 12:00:00 AM</t>
  </si>
  <si>
    <t>8692</t>
  </si>
  <si>
    <t>1992</t>
  </si>
  <si>
    <t>4372</t>
  </si>
  <si>
    <t>1274</t>
  </si>
  <si>
    <t>07/06/2012 12:00:00 AM</t>
  </si>
  <si>
    <t>7268</t>
  </si>
  <si>
    <t>6564</t>
  </si>
  <si>
    <t>4507</t>
  </si>
  <si>
    <t>10226</t>
  </si>
  <si>
    <t>2963</t>
  </si>
  <si>
    <t>49000</t>
  </si>
  <si>
    <t>4866</t>
  </si>
  <si>
    <t>75362</t>
  </si>
  <si>
    <t>22092</t>
  </si>
  <si>
    <t>87600</t>
  </si>
  <si>
    <t>07/07/2012 12:00:00 AM</t>
  </si>
  <si>
    <t>1901</t>
  </si>
  <si>
    <t>2114</t>
  </si>
  <si>
    <t>4117</t>
  </si>
  <si>
    <t>52345</t>
  </si>
  <si>
    <t>28132</t>
  </si>
  <si>
    <t>110025</t>
  </si>
  <si>
    <t>07/08/2012 12:00:00 AM</t>
  </si>
  <si>
    <t>120620</t>
  </si>
  <si>
    <t>5182</t>
  </si>
  <si>
    <t>07/09/2012 12:00:00 AM</t>
  </si>
  <si>
    <t>2303</t>
  </si>
  <si>
    <t>2077</t>
  </si>
  <si>
    <t>3477</t>
  </si>
  <si>
    <t>85318</t>
  </si>
  <si>
    <t>11350</t>
  </si>
  <si>
    <t>194000</t>
  </si>
  <si>
    <t>07/10/2012 12:00:00 AM</t>
  </si>
  <si>
    <t>1609</t>
  </si>
  <si>
    <t>619000</t>
  </si>
  <si>
    <t>24450</t>
  </si>
  <si>
    <t>5763</t>
  </si>
  <si>
    <t>32050</t>
  </si>
  <si>
    <t>10300</t>
  </si>
  <si>
    <t>07/11/2012 12:00:00 AM</t>
  </si>
  <si>
    <t>3920000</t>
  </si>
  <si>
    <t>07/12/2012 12:00:00 AM</t>
  </si>
  <si>
    <t>38900</t>
  </si>
  <si>
    <t>4120</t>
  </si>
  <si>
    <t>3679</t>
  </si>
  <si>
    <t>1271</t>
  </si>
  <si>
    <t>8431</t>
  </si>
  <si>
    <t>35053</t>
  </si>
  <si>
    <t>07/13/2012 12:00:00 AM</t>
  </si>
  <si>
    <t>1550000</t>
  </si>
  <si>
    <t>07/14/2012 12:00:00 AM</t>
  </si>
  <si>
    <t>3455</t>
  </si>
  <si>
    <t>241000</t>
  </si>
  <si>
    <t>1714</t>
  </si>
  <si>
    <t>1852</t>
  </si>
  <si>
    <t>4514</t>
  </si>
  <si>
    <t>28010</t>
  </si>
  <si>
    <t>07/15/2012 12:00:00 AM</t>
  </si>
  <si>
    <t>1584</t>
  </si>
  <si>
    <t>32250</t>
  </si>
  <si>
    <t>24357</t>
  </si>
  <si>
    <t>7649</t>
  </si>
  <si>
    <t>2329</t>
  </si>
  <si>
    <t>07/16/2012 12:00:00 AM</t>
  </si>
  <si>
    <t>7129</t>
  </si>
  <si>
    <t>SUSACÓN</t>
  </si>
  <si>
    <t>3112</t>
  </si>
  <si>
    <t>31828</t>
  </si>
  <si>
    <t>6128</t>
  </si>
  <si>
    <t>07/17/2012 12:00:00 AM</t>
  </si>
  <si>
    <t>6660</t>
  </si>
  <si>
    <t>4936</t>
  </si>
  <si>
    <t>32826</t>
  </si>
  <si>
    <t>73305</t>
  </si>
  <si>
    <t>33048</t>
  </si>
  <si>
    <t>43976</t>
  </si>
  <si>
    <t>1803</t>
  </si>
  <si>
    <t>204000</t>
  </si>
  <si>
    <t>07/18/2012 12:00:00 AM</t>
  </si>
  <si>
    <t>21556</t>
  </si>
  <si>
    <t>7236</t>
  </si>
  <si>
    <t>3444</t>
  </si>
  <si>
    <t>67435</t>
  </si>
  <si>
    <t>07/19/2012 12:00:00 AM</t>
  </si>
  <si>
    <t>37025</t>
  </si>
  <si>
    <t>4420</t>
  </si>
  <si>
    <t>4944</t>
  </si>
  <si>
    <t>07/20/2012 12:00:00 AM</t>
  </si>
  <si>
    <t>95757</t>
  </si>
  <si>
    <t>14120</t>
  </si>
  <si>
    <t>4244</t>
  </si>
  <si>
    <t>07/21/2012 12:00:00 AM</t>
  </si>
  <si>
    <t>38461</t>
  </si>
  <si>
    <t>275290</t>
  </si>
  <si>
    <t>29610</t>
  </si>
  <si>
    <t>2400000</t>
  </si>
  <si>
    <t>6354</t>
  </si>
  <si>
    <t>07/22/2012 12:00:00 AM</t>
  </si>
  <si>
    <t>8778</t>
  </si>
  <si>
    <t>07/23/2012 12:00:00 AM</t>
  </si>
  <si>
    <t>3945</t>
  </si>
  <si>
    <t>6927</t>
  </si>
  <si>
    <t>07/24/2012 12:00:00 AM</t>
  </si>
  <si>
    <t>5937</t>
  </si>
  <si>
    <t>3226</t>
  </si>
  <si>
    <t>1876000</t>
  </si>
  <si>
    <t>10198</t>
  </si>
  <si>
    <t>3052</t>
  </si>
  <si>
    <t>07/25/2012 12:00:00 AM</t>
  </si>
  <si>
    <t>13030</t>
  </si>
  <si>
    <t>5051</t>
  </si>
  <si>
    <t>2661</t>
  </si>
  <si>
    <t>274506</t>
  </si>
  <si>
    <t>20048</t>
  </si>
  <si>
    <t>07/26/2012 12:00:00 AM</t>
  </si>
  <si>
    <t>4660</t>
  </si>
  <si>
    <t>4938</t>
  </si>
  <si>
    <t>6741</t>
  </si>
  <si>
    <t>248030</t>
  </si>
  <si>
    <t>7090</t>
  </si>
  <si>
    <t>07/27/2012 12:00:00 AM</t>
  </si>
  <si>
    <t>249070</t>
  </si>
  <si>
    <t>2262</t>
  </si>
  <si>
    <t>32128</t>
  </si>
  <si>
    <t>5806</t>
  </si>
  <si>
    <t>5478</t>
  </si>
  <si>
    <t>2551</t>
  </si>
  <si>
    <t>4123</t>
  </si>
  <si>
    <t>07/28/2012 12:00:00 AM</t>
  </si>
  <si>
    <t>6588</t>
  </si>
  <si>
    <t>9480</t>
  </si>
  <si>
    <t>1977</t>
  </si>
  <si>
    <t>07/29/2012 12:00:00 AM</t>
  </si>
  <si>
    <t>3269</t>
  </si>
  <si>
    <t>150047</t>
  </si>
  <si>
    <t>4840</t>
  </si>
  <si>
    <t>2462</t>
  </si>
  <si>
    <t>07/30/2012 12:00:00 AM</t>
  </si>
  <si>
    <t>11220</t>
  </si>
  <si>
    <t>840000</t>
  </si>
  <si>
    <t>SIMACOTA</t>
  </si>
  <si>
    <t>07/31/2012 12:00:00 AM</t>
  </si>
  <si>
    <t>22333</t>
  </si>
  <si>
    <t>1085000</t>
  </si>
  <si>
    <t>27676</t>
  </si>
  <si>
    <t>5915</t>
  </si>
  <si>
    <t>8735</t>
  </si>
  <si>
    <t>128770</t>
  </si>
  <si>
    <t>08/01/2012 12:00:00 AM</t>
  </si>
  <si>
    <t>12164</t>
  </si>
  <si>
    <t>29620</t>
  </si>
  <si>
    <t>08/02/2012 12:00:00 AM</t>
  </si>
  <si>
    <t>3954</t>
  </si>
  <si>
    <t>1381</t>
  </si>
  <si>
    <t>4272</t>
  </si>
  <si>
    <t>28852</t>
  </si>
  <si>
    <t>12640</t>
  </si>
  <si>
    <t>10460</t>
  </si>
  <si>
    <t>25305</t>
  </si>
  <si>
    <t>1127000</t>
  </si>
  <si>
    <t>3197</t>
  </si>
  <si>
    <t>08/03/2012 12:00:00 AM</t>
  </si>
  <si>
    <t>2245</t>
  </si>
  <si>
    <t>20266</t>
  </si>
  <si>
    <t>7424</t>
  </si>
  <si>
    <t>11225</t>
  </si>
  <si>
    <t>32393</t>
  </si>
  <si>
    <t>14906</t>
  </si>
  <si>
    <t>08/04/2012 12:00:00 AM</t>
  </si>
  <si>
    <t>3702</t>
  </si>
  <si>
    <t>40349</t>
  </si>
  <si>
    <t>11093</t>
  </si>
  <si>
    <t>34488</t>
  </si>
  <si>
    <t>40446</t>
  </si>
  <si>
    <t>08/05/2012 12:00:00 AM</t>
  </si>
  <si>
    <t>5564</t>
  </si>
  <si>
    <t>4917</t>
  </si>
  <si>
    <t>34536</t>
  </si>
  <si>
    <t>60026</t>
  </si>
  <si>
    <t>08/06/2012 12:00:00 AM</t>
  </si>
  <si>
    <t>9255</t>
  </si>
  <si>
    <t>4422</t>
  </si>
  <si>
    <t>TUNUNGUÁ</t>
  </si>
  <si>
    <t>4320</t>
  </si>
  <si>
    <t>405000</t>
  </si>
  <si>
    <t>15700</t>
  </si>
  <si>
    <t>08/07/2012 12:00:00 AM</t>
  </si>
  <si>
    <t>2611</t>
  </si>
  <si>
    <t>9156</t>
  </si>
  <si>
    <t>25804</t>
  </si>
  <si>
    <t>08/08/2012 12:00:00 AM</t>
  </si>
  <si>
    <t>2302</t>
  </si>
  <si>
    <t>5354</t>
  </si>
  <si>
    <t>8430</t>
  </si>
  <si>
    <t>18810</t>
  </si>
  <si>
    <t>28008</t>
  </si>
  <si>
    <t>4517</t>
  </si>
  <si>
    <t>08/09/2012 12:00:00 AM</t>
  </si>
  <si>
    <t>4768</t>
  </si>
  <si>
    <t>4627</t>
  </si>
  <si>
    <t>2269</t>
  </si>
  <si>
    <t>15081</t>
  </si>
  <si>
    <t>4650</t>
  </si>
  <si>
    <t>08/10/2012 12:00:00 AM</t>
  </si>
  <si>
    <t>48102</t>
  </si>
  <si>
    <t>847000</t>
  </si>
  <si>
    <t>101990</t>
  </si>
  <si>
    <t>101000</t>
  </si>
  <si>
    <t>4254</t>
  </si>
  <si>
    <t>1641</t>
  </si>
  <si>
    <t>302000</t>
  </si>
  <si>
    <t>8866</t>
  </si>
  <si>
    <t>08/11/2012 12:00:00 AM</t>
  </si>
  <si>
    <t>46635</t>
  </si>
  <si>
    <t>255750</t>
  </si>
  <si>
    <t>1474</t>
  </si>
  <si>
    <t>9973</t>
  </si>
  <si>
    <t>22611</t>
  </si>
  <si>
    <t>08/12/2012 12:00:00 AM</t>
  </si>
  <si>
    <t>5421</t>
  </si>
  <si>
    <t>19473</t>
  </si>
  <si>
    <t>6685</t>
  </si>
  <si>
    <t>08/13/2012 12:00:00 AM</t>
  </si>
  <si>
    <t>116316</t>
  </si>
  <si>
    <t>25454</t>
  </si>
  <si>
    <t>08/14/2012 12:00:00 AM</t>
  </si>
  <si>
    <t>6322</t>
  </si>
  <si>
    <t>182000</t>
  </si>
  <si>
    <t>1666</t>
  </si>
  <si>
    <t>10559</t>
  </si>
  <si>
    <t>342000</t>
  </si>
  <si>
    <t>376616</t>
  </si>
  <si>
    <t>08/15/2012 12:00:00 AM</t>
  </si>
  <si>
    <t>4991</t>
  </si>
  <si>
    <t>32064</t>
  </si>
  <si>
    <t>11988</t>
  </si>
  <si>
    <t>2374</t>
  </si>
  <si>
    <t>08/16/2012 12:00:00 AM</t>
  </si>
  <si>
    <t>7060</t>
  </si>
  <si>
    <t>4009</t>
  </si>
  <si>
    <t>1736</t>
  </si>
  <si>
    <t>12212</t>
  </si>
  <si>
    <t>08/17/2012 12:00:00 AM</t>
  </si>
  <si>
    <t>50520</t>
  </si>
  <si>
    <t>54030</t>
  </si>
  <si>
    <t>5162</t>
  </si>
  <si>
    <t>4311</t>
  </si>
  <si>
    <t>CANCHAS DE RANA</t>
  </si>
  <si>
    <t>7993</t>
  </si>
  <si>
    <t>7469</t>
  </si>
  <si>
    <t>20350</t>
  </si>
  <si>
    <t>08/18/2012 12:00:00 AM</t>
  </si>
  <si>
    <t>2063</t>
  </si>
  <si>
    <t>3747</t>
  </si>
  <si>
    <t>16320</t>
  </si>
  <si>
    <t>124150</t>
  </si>
  <si>
    <t>205517</t>
  </si>
  <si>
    <t>08/19/2012 12:00:00 AM</t>
  </si>
  <si>
    <t>MARULANDA</t>
  </si>
  <si>
    <t>129821</t>
  </si>
  <si>
    <t>2538</t>
  </si>
  <si>
    <t>08/20/2012 12:00:00 AM</t>
  </si>
  <si>
    <t>1444</t>
  </si>
  <si>
    <t>1100000</t>
  </si>
  <si>
    <t>12115</t>
  </si>
  <si>
    <t>08/21/2012 12:00:00 AM</t>
  </si>
  <si>
    <t>8725</t>
  </si>
  <si>
    <t>08/22/2012 12:00:00 AM</t>
  </si>
  <si>
    <t>232000</t>
  </si>
  <si>
    <t>5739</t>
  </si>
  <si>
    <t>08/23/2012 12:00:00 AM</t>
  </si>
  <si>
    <t>13682</t>
  </si>
  <si>
    <t>13128</t>
  </si>
  <si>
    <t>4365</t>
  </si>
  <si>
    <t>5630</t>
  </si>
  <si>
    <t>4005000</t>
  </si>
  <si>
    <t>568000</t>
  </si>
  <si>
    <t>08/24/2012 12:00:00 AM</t>
  </si>
  <si>
    <t>2311</t>
  </si>
  <si>
    <t>105200</t>
  </si>
  <si>
    <t>35152</t>
  </si>
  <si>
    <t>89045</t>
  </si>
  <si>
    <t>2567</t>
  </si>
  <si>
    <t>136046</t>
  </si>
  <si>
    <t>378000</t>
  </si>
  <si>
    <t>13295</t>
  </si>
  <si>
    <t>08/25/2012 12:00:00 AM</t>
  </si>
  <si>
    <t>40005</t>
  </si>
  <si>
    <t>3555</t>
  </si>
  <si>
    <t>476080</t>
  </si>
  <si>
    <t>08/26/2012 12:00:00 AM</t>
  </si>
  <si>
    <t>13340</t>
  </si>
  <si>
    <t>4598</t>
  </si>
  <si>
    <t>5349</t>
  </si>
  <si>
    <t>08/27/2012 12:00:00 AM</t>
  </si>
  <si>
    <t>4548</t>
  </si>
  <si>
    <t>6068</t>
  </si>
  <si>
    <t>45940</t>
  </si>
  <si>
    <t>08/28/2012 12:00:00 AM</t>
  </si>
  <si>
    <t>4611000</t>
  </si>
  <si>
    <t>10850</t>
  </si>
  <si>
    <t>1956000</t>
  </si>
  <si>
    <t>08/29/2012 12:00:00 AM</t>
  </si>
  <si>
    <t>11633</t>
  </si>
  <si>
    <t>24537</t>
  </si>
  <si>
    <t>14352</t>
  </si>
  <si>
    <t>08/30/2012 12:00:00 AM</t>
  </si>
  <si>
    <t>2632</t>
  </si>
  <si>
    <t>5753</t>
  </si>
  <si>
    <t>1974</t>
  </si>
  <si>
    <t>3595</t>
  </si>
  <si>
    <t>08/31/2012 12:00:00 AM</t>
  </si>
  <si>
    <t>97430</t>
  </si>
  <si>
    <t>261000</t>
  </si>
  <si>
    <t>09/01/2012 12:00:00 AM</t>
  </si>
  <si>
    <t>1967</t>
  </si>
  <si>
    <t>4473</t>
  </si>
  <si>
    <t>5428</t>
  </si>
  <si>
    <t>6825</t>
  </si>
  <si>
    <t>09/02/2012 12:00:00 AM</t>
  </si>
  <si>
    <t>3554</t>
  </si>
  <si>
    <t>8851</t>
  </si>
  <si>
    <t>09/03/2012 12:00:00 AM</t>
  </si>
  <si>
    <t>908070</t>
  </si>
  <si>
    <t>3535000</t>
  </si>
  <si>
    <t>09/04/2012 12:00:00 AM</t>
  </si>
  <si>
    <t>19561</t>
  </si>
  <si>
    <t>21064</t>
  </si>
  <si>
    <t>23804</t>
  </si>
  <si>
    <t>605000</t>
  </si>
  <si>
    <t>2403</t>
  </si>
  <si>
    <t>96790</t>
  </si>
  <si>
    <t>09/05/2012 12:00:00 AM</t>
  </si>
  <si>
    <t>4696</t>
  </si>
  <si>
    <t>BAGADÓ</t>
  </si>
  <si>
    <t>5370</t>
  </si>
  <si>
    <t>4736</t>
  </si>
  <si>
    <t>6475</t>
  </si>
  <si>
    <t>94020</t>
  </si>
  <si>
    <t>09/06/2012 12:00:00 AM</t>
  </si>
  <si>
    <t>14387</t>
  </si>
  <si>
    <t>25015</t>
  </si>
  <si>
    <t>09/07/2012 12:00:00 AM</t>
  </si>
  <si>
    <t>145915</t>
  </si>
  <si>
    <t>221090</t>
  </si>
  <si>
    <t>20981</t>
  </si>
  <si>
    <t>09/08/2012 12:00:00 AM</t>
  </si>
  <si>
    <t>09/09/2012 12:00:00 AM</t>
  </si>
  <si>
    <t>4573</t>
  </si>
  <si>
    <t>1370000</t>
  </si>
  <si>
    <t>6019</t>
  </si>
  <si>
    <t>16540</t>
  </si>
  <si>
    <t>09/10/2012 12:00:00 AM</t>
  </si>
  <si>
    <t>2243</t>
  </si>
  <si>
    <t>3385</t>
  </si>
  <si>
    <t>9938</t>
  </si>
  <si>
    <t>5560</t>
  </si>
  <si>
    <t>09/11/2012 12:00:00 AM</t>
  </si>
  <si>
    <t>27938</t>
  </si>
  <si>
    <t>20417</t>
  </si>
  <si>
    <t>09/12/2012 12:00:00 AM</t>
  </si>
  <si>
    <t>3367</t>
  </si>
  <si>
    <t>2599</t>
  </si>
  <si>
    <t>20180</t>
  </si>
  <si>
    <t>28730</t>
  </si>
  <si>
    <t>09/13/2012 12:00:00 AM</t>
  </si>
  <si>
    <t>4804</t>
  </si>
  <si>
    <t>26166</t>
  </si>
  <si>
    <t>SAN ZENÓN</t>
  </si>
  <si>
    <t>70023</t>
  </si>
  <si>
    <t>132054</t>
  </si>
  <si>
    <t>430000</t>
  </si>
  <si>
    <t>68478</t>
  </si>
  <si>
    <t>1450000</t>
  </si>
  <si>
    <t>09/14/2012 12:00:00 AM</t>
  </si>
  <si>
    <t>41900</t>
  </si>
  <si>
    <t>3774</t>
  </si>
  <si>
    <t>244770</t>
  </si>
  <si>
    <t>1527000</t>
  </si>
  <si>
    <t>1696000</t>
  </si>
  <si>
    <t>3384</t>
  </si>
  <si>
    <t>1825000</t>
  </si>
  <si>
    <t>7227</t>
  </si>
  <si>
    <t>09/15/2012 12:00:00 AM</t>
  </si>
  <si>
    <t>3668</t>
  </si>
  <si>
    <t>3256</t>
  </si>
  <si>
    <t>8570</t>
  </si>
  <si>
    <t>25235</t>
  </si>
  <si>
    <t>12412</t>
  </si>
  <si>
    <t>09/16/2012 12:00:00 AM</t>
  </si>
  <si>
    <t>4414</t>
  </si>
  <si>
    <t>163220</t>
  </si>
  <si>
    <t>124830</t>
  </si>
  <si>
    <t>12900</t>
  </si>
  <si>
    <t>9282</t>
  </si>
  <si>
    <t>7554</t>
  </si>
  <si>
    <t>09/17/2012 12:00:00 AM</t>
  </si>
  <si>
    <t>20705</t>
  </si>
  <si>
    <t>09/18/2012 12:00:00 AM</t>
  </si>
  <si>
    <t>7666</t>
  </si>
  <si>
    <t>1138</t>
  </si>
  <si>
    <t>3556</t>
  </si>
  <si>
    <t>1193</t>
  </si>
  <si>
    <t>09/19/2012 12:00:00 AM</t>
  </si>
  <si>
    <t>2383</t>
  </si>
  <si>
    <t>3111</t>
  </si>
  <si>
    <t>2583</t>
  </si>
  <si>
    <t>3076</t>
  </si>
  <si>
    <t>20600</t>
  </si>
  <si>
    <t>30045</t>
  </si>
  <si>
    <t>96471</t>
  </si>
  <si>
    <t>09/20/2012 12:00:00 AM</t>
  </si>
  <si>
    <t>TIPO EXPLOTACIÓN CARBON</t>
  </si>
  <si>
    <t>7982</t>
  </si>
  <si>
    <t>2342</t>
  </si>
  <si>
    <t>160720</t>
  </si>
  <si>
    <t>3002</t>
  </si>
  <si>
    <t>142824</t>
  </si>
  <si>
    <t>423059</t>
  </si>
  <si>
    <t>2029401</t>
  </si>
  <si>
    <t>2824</t>
  </si>
  <si>
    <t>2738</t>
  </si>
  <si>
    <t>136303</t>
  </si>
  <si>
    <t>4529</t>
  </si>
  <si>
    <t>09/21/2012 12:00:00 AM</t>
  </si>
  <si>
    <t>2236</t>
  </si>
  <si>
    <t>23919</t>
  </si>
  <si>
    <t>8450</t>
  </si>
  <si>
    <t>103034</t>
  </si>
  <si>
    <t>09/22/2012 12:00:00 AM</t>
  </si>
  <si>
    <t>11390</t>
  </si>
  <si>
    <t>4110</t>
  </si>
  <si>
    <t>245614</t>
  </si>
  <si>
    <t>5861</t>
  </si>
  <si>
    <t>09/23/2012 12:00:00 AM</t>
  </si>
  <si>
    <t>55539</t>
  </si>
  <si>
    <t>09/24/2012 12:00:00 AM</t>
  </si>
  <si>
    <t>141500</t>
  </si>
  <si>
    <t>284000</t>
  </si>
  <si>
    <t>4519</t>
  </si>
  <si>
    <t>09/25/2012 12:00:00 AM</t>
  </si>
  <si>
    <t>1731</t>
  </si>
  <si>
    <t>13090</t>
  </si>
  <si>
    <t>7957</t>
  </si>
  <si>
    <t>512000</t>
  </si>
  <si>
    <t>6060</t>
  </si>
  <si>
    <t>23700</t>
  </si>
  <si>
    <t>09/26/2012 12:00:00 AM</t>
  </si>
  <si>
    <t>44300</t>
  </si>
  <si>
    <t>1539</t>
  </si>
  <si>
    <t>09/27/2012 12:00:00 AM</t>
  </si>
  <si>
    <t>4288</t>
  </si>
  <si>
    <t>625000</t>
  </si>
  <si>
    <t>8083</t>
  </si>
  <si>
    <t>1754</t>
  </si>
  <si>
    <t>11980</t>
  </si>
  <si>
    <t>09/28/2012 12:00:00 AM</t>
  </si>
  <si>
    <t>3245</t>
  </si>
  <si>
    <t>3908</t>
  </si>
  <si>
    <t>16099</t>
  </si>
  <si>
    <t>23972</t>
  </si>
  <si>
    <t>70033</t>
  </si>
  <si>
    <t>25012</t>
  </si>
  <si>
    <t>8079</t>
  </si>
  <si>
    <t>09/29/2012 12:00:00 AM</t>
  </si>
  <si>
    <t>4734</t>
  </si>
  <si>
    <t>12622</t>
  </si>
  <si>
    <t>10855</t>
  </si>
  <si>
    <t>89606</t>
  </si>
  <si>
    <t>5610</t>
  </si>
  <si>
    <t>6313</t>
  </si>
  <si>
    <t>09/30/2012 12:00:00 AM</t>
  </si>
  <si>
    <t>48690</t>
  </si>
  <si>
    <t>7385</t>
  </si>
  <si>
    <t>10/01/2012 12:00:00 AM</t>
  </si>
  <si>
    <t>186046</t>
  </si>
  <si>
    <t>3308</t>
  </si>
  <si>
    <t>10/02/2012 12:00:00 AM</t>
  </si>
  <si>
    <t>43821</t>
  </si>
  <si>
    <t>2737</t>
  </si>
  <si>
    <t>4516</t>
  </si>
  <si>
    <t>10/03/2012 12:00:00 AM</t>
  </si>
  <si>
    <t>102400</t>
  </si>
  <si>
    <t>FLORESTA</t>
  </si>
  <si>
    <t>6369</t>
  </si>
  <si>
    <t>863000</t>
  </si>
  <si>
    <t>10/04/2012 12:00:00 AM</t>
  </si>
  <si>
    <t>58860</t>
  </si>
  <si>
    <t>3217</t>
  </si>
  <si>
    <t>GUAVATÁ</t>
  </si>
  <si>
    <t>10/05/2012 12:00:00 AM</t>
  </si>
  <si>
    <t>29280</t>
  </si>
  <si>
    <t>1299</t>
  </si>
  <si>
    <t>10/06/2012 12:00:00 AM</t>
  </si>
  <si>
    <t>4348</t>
  </si>
  <si>
    <t>3834</t>
  </si>
  <si>
    <t>583000</t>
  </si>
  <si>
    <t>10/07/2012 12:00:00 AM</t>
  </si>
  <si>
    <t>30242</t>
  </si>
  <si>
    <t>32718</t>
  </si>
  <si>
    <t>10/08/2012 12:00:00 AM</t>
  </si>
  <si>
    <t>2211</t>
  </si>
  <si>
    <t>12319</t>
  </si>
  <si>
    <t>94640</t>
  </si>
  <si>
    <t>47123</t>
  </si>
  <si>
    <t>4278</t>
  </si>
  <si>
    <t>11830</t>
  </si>
  <si>
    <t>10/09/2012 12:00:00 AM</t>
  </si>
  <si>
    <t>22054</t>
  </si>
  <si>
    <t>270000</t>
  </si>
  <si>
    <t>10/10/2012 12:00:00 AM</t>
  </si>
  <si>
    <t>2759</t>
  </si>
  <si>
    <t>10972</t>
  </si>
  <si>
    <t>7226</t>
  </si>
  <si>
    <t>715389</t>
  </si>
  <si>
    <t>TIPO EXPLOTACIÓN ARENA</t>
  </si>
  <si>
    <t>CHARTA</t>
  </si>
  <si>
    <t>5720</t>
  </si>
  <si>
    <t>6177</t>
  </si>
  <si>
    <t>10/11/2012 12:00:00 AM</t>
  </si>
  <si>
    <t>11299</t>
  </si>
  <si>
    <t>2670</t>
  </si>
  <si>
    <t>3537</t>
  </si>
  <si>
    <t>29990</t>
  </si>
  <si>
    <t>2071</t>
  </si>
  <si>
    <t>25100</t>
  </si>
  <si>
    <t>10/12/2012 12:00:00 AM</t>
  </si>
  <si>
    <t>64988</t>
  </si>
  <si>
    <t>3986</t>
  </si>
  <si>
    <t>16098</t>
  </si>
  <si>
    <t>10/13/2012 12:00:00 AM</t>
  </si>
  <si>
    <t>3106</t>
  </si>
  <si>
    <t>27247</t>
  </si>
  <si>
    <t>58887</t>
  </si>
  <si>
    <t>3941</t>
  </si>
  <si>
    <t>10102</t>
  </si>
  <si>
    <t>10/14/2012 12:00:00 AM</t>
  </si>
  <si>
    <t>4099</t>
  </si>
  <si>
    <t>2037</t>
  </si>
  <si>
    <t>2196</t>
  </si>
  <si>
    <t>10/15/2012 12:00:00 AM</t>
  </si>
  <si>
    <t>26446</t>
  </si>
  <si>
    <t>10/16/2012 12:00:00 AM</t>
  </si>
  <si>
    <t>5978</t>
  </si>
  <si>
    <t>125167</t>
  </si>
  <si>
    <t>10/17/2012 12:00:00 AM</t>
  </si>
  <si>
    <t>3113</t>
  </si>
  <si>
    <t>10/18/2012 12:00:00 AM</t>
  </si>
  <si>
    <t>4576</t>
  </si>
  <si>
    <t>779720</t>
  </si>
  <si>
    <t>58105</t>
  </si>
  <si>
    <t>10/19/2012 12:00:00 AM</t>
  </si>
  <si>
    <t>1582</t>
  </si>
  <si>
    <t>180073</t>
  </si>
  <si>
    <t>10/20/2012 12:00:00 AM</t>
  </si>
  <si>
    <t>2032910</t>
  </si>
  <si>
    <t>75772</t>
  </si>
  <si>
    <t>REPRESAS</t>
  </si>
  <si>
    <t>3304</t>
  </si>
  <si>
    <t>7675</t>
  </si>
  <si>
    <t>10/21/2012 12:00:00 AM</t>
  </si>
  <si>
    <t>3815</t>
  </si>
  <si>
    <t>660071</t>
  </si>
  <si>
    <t>10/22/2012 12:00:00 AM</t>
  </si>
  <si>
    <t>8934</t>
  </si>
  <si>
    <t>4808</t>
  </si>
  <si>
    <t>928000</t>
  </si>
  <si>
    <t>21973</t>
  </si>
  <si>
    <t>11549</t>
  </si>
  <si>
    <t>10/23/2012 12:00:00 AM</t>
  </si>
  <si>
    <t>5275</t>
  </si>
  <si>
    <t>1033000</t>
  </si>
  <si>
    <t>1469</t>
  </si>
  <si>
    <t>28736</t>
  </si>
  <si>
    <t>1063000</t>
  </si>
  <si>
    <t>1230000</t>
  </si>
  <si>
    <t>5804</t>
  </si>
  <si>
    <t>1298600</t>
  </si>
  <si>
    <t>25295</t>
  </si>
  <si>
    <t>10/24/2012 12:00:00 AM</t>
  </si>
  <si>
    <t>27552</t>
  </si>
  <si>
    <t>11200</t>
  </si>
  <si>
    <t>TALLERES ELECTRICIDAD</t>
  </si>
  <si>
    <t>200800</t>
  </si>
  <si>
    <t>SAN JACINTO DEL CAUCA</t>
  </si>
  <si>
    <t>3605</t>
  </si>
  <si>
    <t>10483</t>
  </si>
  <si>
    <t>4029</t>
  </si>
  <si>
    <t>20280</t>
  </si>
  <si>
    <t>10/25/2012 12:00:00 AM</t>
  </si>
  <si>
    <t>7482</t>
  </si>
  <si>
    <t>1631</t>
  </si>
  <si>
    <t>7089</t>
  </si>
  <si>
    <t>12073</t>
  </si>
  <si>
    <t>15445</t>
  </si>
  <si>
    <t>10/26/2012 12:00:00 AM</t>
  </si>
  <si>
    <t>11208</t>
  </si>
  <si>
    <t>4221</t>
  </si>
  <si>
    <t>2565</t>
  </si>
  <si>
    <t>2261</t>
  </si>
  <si>
    <t>3216</t>
  </si>
  <si>
    <t>5116</t>
  </si>
  <si>
    <t>10/27/2012 12:00:00 AM</t>
  </si>
  <si>
    <t>7405</t>
  </si>
  <si>
    <t>2540</t>
  </si>
  <si>
    <t>16123</t>
  </si>
  <si>
    <t>10/28/2012 12:00:00 AM</t>
  </si>
  <si>
    <t>3278</t>
  </si>
  <si>
    <t>370300</t>
  </si>
  <si>
    <t>10455</t>
  </si>
  <si>
    <t>10/29/2012 12:00:00 AM</t>
  </si>
  <si>
    <t>30657</t>
  </si>
  <si>
    <t>892650</t>
  </si>
  <si>
    <t>10/30/2012 12:00:00 AM</t>
  </si>
  <si>
    <t>4994</t>
  </si>
  <si>
    <t>3022</t>
  </si>
  <si>
    <t>10/31/2012 12:00:00 AM</t>
  </si>
  <si>
    <t>904310</t>
  </si>
  <si>
    <t>28790</t>
  </si>
  <si>
    <t>7099</t>
  </si>
  <si>
    <t>5860</t>
  </si>
  <si>
    <t>38495</t>
  </si>
  <si>
    <t>24035</t>
  </si>
  <si>
    <t>11/01/2012 12:00:00 AM</t>
  </si>
  <si>
    <t>375100</t>
  </si>
  <si>
    <t>348000</t>
  </si>
  <si>
    <t>150132</t>
  </si>
  <si>
    <t>1091</t>
  </si>
  <si>
    <t>11/02/2012 12:00:00 AM</t>
  </si>
  <si>
    <t>80270</t>
  </si>
  <si>
    <t>1104000</t>
  </si>
  <si>
    <t>21276</t>
  </si>
  <si>
    <t>11/03/2012 12:00:00 AM</t>
  </si>
  <si>
    <t>7002</t>
  </si>
  <si>
    <t>349743</t>
  </si>
  <si>
    <t>17393</t>
  </si>
  <si>
    <t>11/04/2012 12:00:00 AM</t>
  </si>
  <si>
    <t>143596</t>
  </si>
  <si>
    <t>11/05/2012 12:00:00 AM</t>
  </si>
  <si>
    <t>11/06/2012 12:00:00 AM</t>
  </si>
  <si>
    <t>11/07/2012 12:00:00 AM</t>
  </si>
  <si>
    <t>731</t>
  </si>
  <si>
    <t>21363</t>
  </si>
  <si>
    <t>11/08/2012 12:00:00 AM</t>
  </si>
  <si>
    <t>1442</t>
  </si>
  <si>
    <t>12618</t>
  </si>
  <si>
    <t>7309</t>
  </si>
  <si>
    <t>5655</t>
  </si>
  <si>
    <t>8585</t>
  </si>
  <si>
    <t>15010</t>
  </si>
  <si>
    <t>11/09/2012 12:00:00 AM</t>
  </si>
  <si>
    <t>3579</t>
  </si>
  <si>
    <t>18488</t>
  </si>
  <si>
    <t>74155</t>
  </si>
  <si>
    <t>79122</t>
  </si>
  <si>
    <t>28750</t>
  </si>
  <si>
    <t>3567</t>
  </si>
  <si>
    <t>38500</t>
  </si>
  <si>
    <t>9110</t>
  </si>
  <si>
    <t>9217</t>
  </si>
  <si>
    <t>11/10/2012 12:00:00 AM</t>
  </si>
  <si>
    <t>107427</t>
  </si>
  <si>
    <t>11/11/2012 12:00:00 AM</t>
  </si>
  <si>
    <t>624222</t>
  </si>
  <si>
    <t>62175</t>
  </si>
  <si>
    <t>98100</t>
  </si>
  <si>
    <t>11/12/2012 12:00:00 AM</t>
  </si>
  <si>
    <t>10408</t>
  </si>
  <si>
    <t>11/13/2012 12:00:00 AM</t>
  </si>
  <si>
    <t>97658</t>
  </si>
  <si>
    <t>5060</t>
  </si>
  <si>
    <t>23450</t>
  </si>
  <si>
    <t>3856</t>
  </si>
  <si>
    <t>14900000</t>
  </si>
  <si>
    <t>43500</t>
  </si>
  <si>
    <t>11/14/2012 12:00:00 AM</t>
  </si>
  <si>
    <t>4144</t>
  </si>
  <si>
    <t>86267</t>
  </si>
  <si>
    <t>76109</t>
  </si>
  <si>
    <t>3735</t>
  </si>
  <si>
    <t>13545</t>
  </si>
  <si>
    <t>11/15/2012 12:00:00 AM</t>
  </si>
  <si>
    <t>15511</t>
  </si>
  <si>
    <t>27425</t>
  </si>
  <si>
    <t>3169</t>
  </si>
  <si>
    <t>4112</t>
  </si>
  <si>
    <t>84000</t>
  </si>
  <si>
    <t>11/16/2012 12:00:00 AM</t>
  </si>
  <si>
    <t>6116</t>
  </si>
  <si>
    <t>6057</t>
  </si>
  <si>
    <t>238004</t>
  </si>
  <si>
    <t>51316</t>
  </si>
  <si>
    <t>11/17/2012 12:00:00 AM</t>
  </si>
  <si>
    <t>8015</t>
  </si>
  <si>
    <t>9740</t>
  </si>
  <si>
    <t>21800</t>
  </si>
  <si>
    <t>34031</t>
  </si>
  <si>
    <t>11/18/2012 12:00:00 AM</t>
  </si>
  <si>
    <t>11/19/2012 12:00:00 AM</t>
  </si>
  <si>
    <t>2227</t>
  </si>
  <si>
    <t>5757</t>
  </si>
  <si>
    <t>9423</t>
  </si>
  <si>
    <t>11/20/2012 12:00:00 AM</t>
  </si>
  <si>
    <t>634000</t>
  </si>
  <si>
    <t>69929</t>
  </si>
  <si>
    <t>2862</t>
  </si>
  <si>
    <t>103955</t>
  </si>
  <si>
    <t>5631</t>
  </si>
  <si>
    <t>11/21/2012 12:00:00 AM</t>
  </si>
  <si>
    <t>6706</t>
  </si>
  <si>
    <t>1576000</t>
  </si>
  <si>
    <t>21880</t>
  </si>
  <si>
    <t>11/22/2012 12:00:00 AM</t>
  </si>
  <si>
    <t>2867</t>
  </si>
  <si>
    <t>4753</t>
  </si>
  <si>
    <t>232890</t>
  </si>
  <si>
    <t>CAÑADUZAL</t>
  </si>
  <si>
    <t>11/23/2012 12:00:00 AM</t>
  </si>
  <si>
    <t>3097</t>
  </si>
  <si>
    <t>11/24/2012 12:00:00 AM</t>
  </si>
  <si>
    <t>4341</t>
  </si>
  <si>
    <t>980000</t>
  </si>
  <si>
    <t>4613312</t>
  </si>
  <si>
    <t>10123</t>
  </si>
  <si>
    <t>2344</t>
  </si>
  <si>
    <t>11/25/2012 12:00:00 AM</t>
  </si>
  <si>
    <t>60560</t>
  </si>
  <si>
    <t>10762</t>
  </si>
  <si>
    <t>11/26/2012 12:00:00 AM</t>
  </si>
  <si>
    <t>14300</t>
  </si>
  <si>
    <t>11/27/2012 12:00:00 AM</t>
  </si>
  <si>
    <t>6038</t>
  </si>
  <si>
    <t>3057</t>
  </si>
  <si>
    <t>12738</t>
  </si>
  <si>
    <t>27520</t>
  </si>
  <si>
    <t>26909</t>
  </si>
  <si>
    <t>11/28/2012 12:00:00 AM</t>
  </si>
  <si>
    <t>15630</t>
  </si>
  <si>
    <t>660000</t>
  </si>
  <si>
    <t>13552</t>
  </si>
  <si>
    <t>6408</t>
  </si>
  <si>
    <t>11/29/2012 12:00:00 AM</t>
  </si>
  <si>
    <t>1418</t>
  </si>
  <si>
    <t>46166</t>
  </si>
  <si>
    <t>2936</t>
  </si>
  <si>
    <t>11/30/2012 12:00:00 AM</t>
  </si>
  <si>
    <t>233000</t>
  </si>
  <si>
    <t>29530</t>
  </si>
  <si>
    <t>5730</t>
  </si>
  <si>
    <t>2040000</t>
  </si>
  <si>
    <t>16389</t>
  </si>
  <si>
    <t>2493</t>
  </si>
  <si>
    <t>12/01/2012 12:00:00 AM</t>
  </si>
  <si>
    <t>1946</t>
  </si>
  <si>
    <t>12/02/2012 12:00:00 AM</t>
  </si>
  <si>
    <t>12/03/2012 12:00:00 AM</t>
  </si>
  <si>
    <t>TIPO EXPLOTACIÓN PLATA</t>
  </si>
  <si>
    <t>20742</t>
  </si>
  <si>
    <t>14050</t>
  </si>
  <si>
    <t>12/04/2012 12:00:00 AM</t>
  </si>
  <si>
    <t>315029</t>
  </si>
  <si>
    <t>2380000</t>
  </si>
  <si>
    <t>7736</t>
  </si>
  <si>
    <t>1981</t>
  </si>
  <si>
    <t>196247</t>
  </si>
  <si>
    <t>9941</t>
  </si>
  <si>
    <t>1914000</t>
  </si>
  <si>
    <t>12/05/2012 12:00:00 AM</t>
  </si>
  <si>
    <t>2205</t>
  </si>
  <si>
    <t>5077</t>
  </si>
  <si>
    <t>212000</t>
  </si>
  <si>
    <t>12/06/2012 12:00:00 AM</t>
  </si>
  <si>
    <t>4383</t>
  </si>
  <si>
    <t>6483</t>
  </si>
  <si>
    <t>4845</t>
  </si>
  <si>
    <t>267079</t>
  </si>
  <si>
    <t>10040</t>
  </si>
  <si>
    <t>12/07/2012 12:00:00 AM</t>
  </si>
  <si>
    <t>3935</t>
  </si>
  <si>
    <t>90590</t>
  </si>
  <si>
    <t>25289</t>
  </si>
  <si>
    <t>12/08/2012 12:00:00 AM</t>
  </si>
  <si>
    <t>15640</t>
  </si>
  <si>
    <t>178052</t>
  </si>
  <si>
    <t>7629</t>
  </si>
  <si>
    <t>456000</t>
  </si>
  <si>
    <t>12/09/2012 12:00:00 AM</t>
  </si>
  <si>
    <t>3428</t>
  </si>
  <si>
    <t>12/10/2012 12:00:00 AM</t>
  </si>
  <si>
    <t>88896</t>
  </si>
  <si>
    <t>152000</t>
  </si>
  <si>
    <t>36290</t>
  </si>
  <si>
    <t>3277</t>
  </si>
  <si>
    <t>12/11/2012 12:00:00 AM</t>
  </si>
  <si>
    <t>124960</t>
  </si>
  <si>
    <t>2277038</t>
  </si>
  <si>
    <t>3973</t>
  </si>
  <si>
    <t>4969</t>
  </si>
  <si>
    <t>12/12/2012 12:00:00 AM</t>
  </si>
  <si>
    <t>12/13/2012 12:00:00 AM</t>
  </si>
  <si>
    <t>12/14/2012 12:00:00 AM</t>
  </si>
  <si>
    <t>4444</t>
  </si>
  <si>
    <t>5068</t>
  </si>
  <si>
    <t>10930</t>
  </si>
  <si>
    <t>51390</t>
  </si>
  <si>
    <t>51039</t>
  </si>
  <si>
    <t>12/15/2012 12:00:00 AM</t>
  </si>
  <si>
    <t>50250</t>
  </si>
  <si>
    <t>1563000</t>
  </si>
  <si>
    <t>74056</t>
  </si>
  <si>
    <t>8530</t>
  </si>
  <si>
    <t>1747</t>
  </si>
  <si>
    <t>12/16/2012 12:00:00 AM</t>
  </si>
  <si>
    <t>13590</t>
  </si>
  <si>
    <t>FONDAS</t>
  </si>
  <si>
    <t>15720</t>
  </si>
  <si>
    <t>12/17/2012 12:00:00 AM</t>
  </si>
  <si>
    <t>12/18/2012 12:00:00 AM</t>
  </si>
  <si>
    <t>13080</t>
  </si>
  <si>
    <t>21990</t>
  </si>
  <si>
    <t>58910</t>
  </si>
  <si>
    <t>5616</t>
  </si>
  <si>
    <t>1593</t>
  </si>
  <si>
    <t>8014</t>
  </si>
  <si>
    <t>12/19/2012 12:00:00 AM</t>
  </si>
  <si>
    <t>4832</t>
  </si>
  <si>
    <t>100805</t>
  </si>
  <si>
    <t>29939</t>
  </si>
  <si>
    <t>301000</t>
  </si>
  <si>
    <t>2464</t>
  </si>
  <si>
    <t>3703</t>
  </si>
  <si>
    <t>15113</t>
  </si>
  <si>
    <t>2634</t>
  </si>
  <si>
    <t>12561</t>
  </si>
  <si>
    <t>12/20/2012 12:00:00 AM</t>
  </si>
  <si>
    <t>32257</t>
  </si>
  <si>
    <t>785000</t>
  </si>
  <si>
    <t>5794</t>
  </si>
  <si>
    <t>4637</t>
  </si>
  <si>
    <t>12/21/2012 12:00:00 AM</t>
  </si>
  <si>
    <t>1175000</t>
  </si>
  <si>
    <t>7608</t>
  </si>
  <si>
    <t>12742</t>
  </si>
  <si>
    <t>5692</t>
  </si>
  <si>
    <t>12/22/2012 12:00:00 AM</t>
  </si>
  <si>
    <t>12/23/2012 12:00:00 AM</t>
  </si>
  <si>
    <t>5981</t>
  </si>
  <si>
    <t>43176</t>
  </si>
  <si>
    <t>4728</t>
  </si>
  <si>
    <t>12/24/2012 12:00:00 AM</t>
  </si>
  <si>
    <t>11435</t>
  </si>
  <si>
    <t>6492</t>
  </si>
  <si>
    <t>12/25/2012 12:00:00 AM</t>
  </si>
  <si>
    <t>27936</t>
  </si>
  <si>
    <t>12/26/2012 12:00:00 AM</t>
  </si>
  <si>
    <t>8875</t>
  </si>
  <si>
    <t>80056</t>
  </si>
  <si>
    <t>30056</t>
  </si>
  <si>
    <t>12/27/2012 12:00:00 AM</t>
  </si>
  <si>
    <t>443000</t>
  </si>
  <si>
    <t>38470</t>
  </si>
  <si>
    <t>12/28/2012 12:00:00 AM</t>
  </si>
  <si>
    <t>12/29/2012 12:00:00 AM</t>
  </si>
  <si>
    <t>7888</t>
  </si>
  <si>
    <t>12/30/2012 12:00:00 AM</t>
  </si>
  <si>
    <t>6895</t>
  </si>
  <si>
    <t>12/31/2012 12:00:00 AM</t>
  </si>
  <si>
    <t>4025</t>
  </si>
  <si>
    <t>03/10/2013 12:00:00 AM</t>
  </si>
  <si>
    <t>31230</t>
  </si>
  <si>
    <t>3456</t>
  </si>
  <si>
    <t>4585</t>
  </si>
  <si>
    <t>03/09/2013 12:00:00 AM</t>
  </si>
  <si>
    <t>9803</t>
  </si>
  <si>
    <t>795000</t>
  </si>
  <si>
    <t>9770</t>
  </si>
  <si>
    <t>31178</t>
  </si>
  <si>
    <t>628000</t>
  </si>
  <si>
    <t>03/08/2013 12:00:00 AM</t>
  </si>
  <si>
    <t>114852</t>
  </si>
  <si>
    <t>360000</t>
  </si>
  <si>
    <t>10820</t>
  </si>
  <si>
    <t>11505</t>
  </si>
  <si>
    <t>6746</t>
  </si>
  <si>
    <t>3734</t>
  </si>
  <si>
    <t>03/07/2013 12:00:00 AM</t>
  </si>
  <si>
    <t>280000</t>
  </si>
  <si>
    <t>6496</t>
  </si>
  <si>
    <t>13561</t>
  </si>
  <si>
    <t>1990</t>
  </si>
  <si>
    <t>119020</t>
  </si>
  <si>
    <t>03/06/2013 12:00:00 AM</t>
  </si>
  <si>
    <t>519521</t>
  </si>
  <si>
    <t>1449000</t>
  </si>
  <si>
    <t>8845</t>
  </si>
  <si>
    <t>3368</t>
  </si>
  <si>
    <t>03/05/2013 12:00:00 AM</t>
  </si>
  <si>
    <t>1100935</t>
  </si>
  <si>
    <t>7265</t>
  </si>
  <si>
    <t>3790</t>
  </si>
  <si>
    <t>3068</t>
  </si>
  <si>
    <t>6738</t>
  </si>
  <si>
    <t>03/04/2013 12:00:00 AM</t>
  </si>
  <si>
    <t>25521</t>
  </si>
  <si>
    <t>4812</t>
  </si>
  <si>
    <t>6104</t>
  </si>
  <si>
    <t>3532</t>
  </si>
  <si>
    <t>12590</t>
  </si>
  <si>
    <t>03/03/2013 12:00:00 AM</t>
  </si>
  <si>
    <t>4102400</t>
  </si>
  <si>
    <t>36500</t>
  </si>
  <si>
    <t>03/02/2013 12:00:00 AM</t>
  </si>
  <si>
    <t>6730</t>
  </si>
  <si>
    <t>33112</t>
  </si>
  <si>
    <t>327305</t>
  </si>
  <si>
    <t>197920</t>
  </si>
  <si>
    <t>3953</t>
  </si>
  <si>
    <t>3730</t>
  </si>
  <si>
    <t>3185000</t>
  </si>
  <si>
    <t>03/01/2013 12:00:00 AM</t>
  </si>
  <si>
    <t>10090</t>
  </si>
  <si>
    <t>28894</t>
  </si>
  <si>
    <t>40484</t>
  </si>
  <si>
    <t>71220</t>
  </si>
  <si>
    <t>12356</t>
  </si>
  <si>
    <t>02/28/2013 12:00:00 AM</t>
  </si>
  <si>
    <t>245905</t>
  </si>
  <si>
    <t>4368</t>
  </si>
  <si>
    <t>391000</t>
  </si>
  <si>
    <t>02/27/2013 12:00:00 AM</t>
  </si>
  <si>
    <t>294000</t>
  </si>
  <si>
    <t>9150</t>
  </si>
  <si>
    <t>64660</t>
  </si>
  <si>
    <t>2803</t>
  </si>
  <si>
    <t>32254</t>
  </si>
  <si>
    <t>372000</t>
  </si>
  <si>
    <t>02/26/2013 12:00:00 AM</t>
  </si>
  <si>
    <t>22799</t>
  </si>
  <si>
    <t>1658</t>
  </si>
  <si>
    <t>02/25/2013 12:00:00 AM</t>
  </si>
  <si>
    <t>1806</t>
  </si>
  <si>
    <t>21345</t>
  </si>
  <si>
    <t>5304</t>
  </si>
  <si>
    <t>573000</t>
  </si>
  <si>
    <t>2117</t>
  </si>
  <si>
    <t>02/24/2013 12:00:00 AM</t>
  </si>
  <si>
    <t>5939</t>
  </si>
  <si>
    <t>2702</t>
  </si>
  <si>
    <t>21785</t>
  </si>
  <si>
    <t>02/23/2013 12:00:00 AM</t>
  </si>
  <si>
    <t>630454</t>
  </si>
  <si>
    <t>5910</t>
  </si>
  <si>
    <t>36198</t>
  </si>
  <si>
    <t>3767</t>
  </si>
  <si>
    <t>1081</t>
  </si>
  <si>
    <t>02/22/2013 12:00:00 AM</t>
  </si>
  <si>
    <t>30746</t>
  </si>
  <si>
    <t>7769</t>
  </si>
  <si>
    <t>10730</t>
  </si>
  <si>
    <t>7095</t>
  </si>
  <si>
    <t>4912</t>
  </si>
  <si>
    <t>2802</t>
  </si>
  <si>
    <t>2381</t>
  </si>
  <si>
    <t>3937</t>
  </si>
  <si>
    <t>412000</t>
  </si>
  <si>
    <t>02/21/2013 12:00:00 AM</t>
  </si>
  <si>
    <t>11361</t>
  </si>
  <si>
    <t>536000</t>
  </si>
  <si>
    <t>19015</t>
  </si>
  <si>
    <t>3813</t>
  </si>
  <si>
    <t>02/20/2013 12:00:00 AM</t>
  </si>
  <si>
    <t>12661</t>
  </si>
  <si>
    <t>166600</t>
  </si>
  <si>
    <t>3415</t>
  </si>
  <si>
    <t>11030</t>
  </si>
  <si>
    <t>3198</t>
  </si>
  <si>
    <t>02/19/2013 12:00:00 AM</t>
  </si>
  <si>
    <t>1448</t>
  </si>
  <si>
    <t>43900</t>
  </si>
  <si>
    <t>PINILLOS</t>
  </si>
  <si>
    <t>02/18/2013 12:00:00 AM</t>
  </si>
  <si>
    <t>15050</t>
  </si>
  <si>
    <t>1426</t>
  </si>
  <si>
    <t>14758</t>
  </si>
  <si>
    <t>25427</t>
  </si>
  <si>
    <t>4275</t>
  </si>
  <si>
    <t>4148</t>
  </si>
  <si>
    <t>8468</t>
  </si>
  <si>
    <t>2144</t>
  </si>
  <si>
    <t>4579</t>
  </si>
  <si>
    <t>02/17/2013 12:00:00 AM</t>
  </si>
  <si>
    <t>56075</t>
  </si>
  <si>
    <t>4030</t>
  </si>
  <si>
    <t>6774</t>
  </si>
  <si>
    <t>02/16/2013 12:00:00 AM</t>
  </si>
  <si>
    <t>3610</t>
  </si>
  <si>
    <t>580061</t>
  </si>
  <si>
    <t>SUTAMARCHÁN</t>
  </si>
  <si>
    <t>1502</t>
  </si>
  <si>
    <t>02/15/2013 12:00:00 AM</t>
  </si>
  <si>
    <t>344000</t>
  </si>
  <si>
    <t>35706</t>
  </si>
  <si>
    <t>3142</t>
  </si>
  <si>
    <t>19707</t>
  </si>
  <si>
    <t>7345</t>
  </si>
  <si>
    <t>5272</t>
  </si>
  <si>
    <t>02/14/2013 12:00:00 AM</t>
  </si>
  <si>
    <t>158000</t>
  </si>
  <si>
    <t>313000</t>
  </si>
  <si>
    <t>6984</t>
  </si>
  <si>
    <t>1325000</t>
  </si>
  <si>
    <t>23550</t>
  </si>
  <si>
    <t>35559</t>
  </si>
  <si>
    <t>1164</t>
  </si>
  <si>
    <t>02/13/2013 12:00:00 AM</t>
  </si>
  <si>
    <t>12836</t>
  </si>
  <si>
    <t>11463</t>
  </si>
  <si>
    <t>173766</t>
  </si>
  <si>
    <t>2367700</t>
  </si>
  <si>
    <t>02/12/2013 12:00:00 AM</t>
  </si>
  <si>
    <t>7094</t>
  </si>
  <si>
    <t>7018</t>
  </si>
  <si>
    <t>36240</t>
  </si>
  <si>
    <t>5912</t>
  </si>
  <si>
    <t>2935000</t>
  </si>
  <si>
    <t>103290</t>
  </si>
  <si>
    <t>02/11/2013 12:00:00 AM</t>
  </si>
  <si>
    <t>5455</t>
  </si>
  <si>
    <t>95384</t>
  </si>
  <si>
    <t>7004</t>
  </si>
  <si>
    <t>3931</t>
  </si>
  <si>
    <t>6862</t>
  </si>
  <si>
    <t>02/10/2013 12:00:00 AM</t>
  </si>
  <si>
    <t>217550</t>
  </si>
  <si>
    <t>4952</t>
  </si>
  <si>
    <t>7694</t>
  </si>
  <si>
    <t>4751</t>
  </si>
  <si>
    <t>02/09/2013 12:00:00 AM</t>
  </si>
  <si>
    <t>85031</t>
  </si>
  <si>
    <t>3944</t>
  </si>
  <si>
    <t>11482</t>
  </si>
  <si>
    <t>5515</t>
  </si>
  <si>
    <t>3482</t>
  </si>
  <si>
    <t>4844</t>
  </si>
  <si>
    <t>02/08/2013 12:00:00 AM</t>
  </si>
  <si>
    <t>1787</t>
  </si>
  <si>
    <t>5756</t>
  </si>
  <si>
    <t>3189</t>
  </si>
  <si>
    <t>02/07/2013 12:00:00 AM</t>
  </si>
  <si>
    <t>1466</t>
  </si>
  <si>
    <t>13273</t>
  </si>
  <si>
    <t>615309</t>
  </si>
  <si>
    <t>50990</t>
  </si>
  <si>
    <t>7142</t>
  </si>
  <si>
    <t>7038</t>
  </si>
  <si>
    <t>6682</t>
  </si>
  <si>
    <t>02/06/2013 12:00:00 AM</t>
  </si>
  <si>
    <t>51656</t>
  </si>
  <si>
    <t>4155</t>
  </si>
  <si>
    <t>795529</t>
  </si>
  <si>
    <t>21456</t>
  </si>
  <si>
    <t>02/05/2013 12:00:00 AM</t>
  </si>
  <si>
    <t>20880</t>
  </si>
  <si>
    <t>2425308</t>
  </si>
  <si>
    <t>TIPO EXPLOTACIÓN YESO</t>
  </si>
  <si>
    <t>6639</t>
  </si>
  <si>
    <t>7372</t>
  </si>
  <si>
    <t>3136</t>
  </si>
  <si>
    <t>38275</t>
  </si>
  <si>
    <t>02/04/2013 12:00:00 AM</t>
  </si>
  <si>
    <t>4225000</t>
  </si>
  <si>
    <t>36900</t>
  </si>
  <si>
    <t>41600</t>
  </si>
  <si>
    <t>5662</t>
  </si>
  <si>
    <t>25968</t>
  </si>
  <si>
    <t>14805</t>
  </si>
  <si>
    <t>02/03/2013 12:00:00 AM</t>
  </si>
  <si>
    <t>8169</t>
  </si>
  <si>
    <t>4535</t>
  </si>
  <si>
    <t>120212</t>
  </si>
  <si>
    <t>02/02/2013 12:00:00 AM</t>
  </si>
  <si>
    <t>15102</t>
  </si>
  <si>
    <t>6064</t>
  </si>
  <si>
    <t>5434</t>
  </si>
  <si>
    <t>02/01/2013 12:00:00 AM</t>
  </si>
  <si>
    <t>4017</t>
  </si>
  <si>
    <t>12322</t>
  </si>
  <si>
    <t>6434</t>
  </si>
  <si>
    <t>8614</t>
  </si>
  <si>
    <t>2263</t>
  </si>
  <si>
    <t>1807</t>
  </si>
  <si>
    <t>200050</t>
  </si>
  <si>
    <t>685000</t>
  </si>
  <si>
    <t>01/31/2013 12:00:00 AM</t>
  </si>
  <si>
    <t>2594</t>
  </si>
  <si>
    <t>49374</t>
  </si>
  <si>
    <t>704000</t>
  </si>
  <si>
    <t>14495</t>
  </si>
  <si>
    <t>9216</t>
  </si>
  <si>
    <t>16023</t>
  </si>
  <si>
    <t>15276</t>
  </si>
  <si>
    <t>2580</t>
  </si>
  <si>
    <t>19695</t>
  </si>
  <si>
    <t>01/30/2013 12:00:00 AM</t>
  </si>
  <si>
    <t>34280</t>
  </si>
  <si>
    <t>1648</t>
  </si>
  <si>
    <t>36850</t>
  </si>
  <si>
    <t>75415</t>
  </si>
  <si>
    <t>162750</t>
  </si>
  <si>
    <t>35161</t>
  </si>
  <si>
    <t>01/29/2013 12:00:00 AM</t>
  </si>
  <si>
    <t>15570</t>
  </si>
  <si>
    <t>6507</t>
  </si>
  <si>
    <t>116176</t>
  </si>
  <si>
    <t>2751</t>
  </si>
  <si>
    <t>01/28/2013 12:00:00 AM</t>
  </si>
  <si>
    <t>2530</t>
  </si>
  <si>
    <t>6591</t>
  </si>
  <si>
    <t>45985</t>
  </si>
  <si>
    <t>6130</t>
  </si>
  <si>
    <t>01/27/2013 12:00:00 AM</t>
  </si>
  <si>
    <t>4412</t>
  </si>
  <si>
    <t>5035</t>
  </si>
  <si>
    <t>01/26/2013 12:00:00 AM</t>
  </si>
  <si>
    <t>38485</t>
  </si>
  <si>
    <t>12264</t>
  </si>
  <si>
    <t>631000</t>
  </si>
  <si>
    <t>27106</t>
  </si>
  <si>
    <t>11605</t>
  </si>
  <si>
    <t>01/25/2013 12:00:00 AM</t>
  </si>
  <si>
    <t>253000</t>
  </si>
  <si>
    <t>2440000</t>
  </si>
  <si>
    <t>8194</t>
  </si>
  <si>
    <t>34200</t>
  </si>
  <si>
    <t>2394</t>
  </si>
  <si>
    <t>299550</t>
  </si>
  <si>
    <t>5637</t>
  </si>
  <si>
    <t>22547</t>
  </si>
  <si>
    <t>01/24/2013 12:00:00 AM</t>
  </si>
  <si>
    <t>239999</t>
  </si>
  <si>
    <t>1659</t>
  </si>
  <si>
    <t>15111</t>
  </si>
  <si>
    <t>12205</t>
  </si>
  <si>
    <t>200132</t>
  </si>
  <si>
    <t>01/23/2013 12:00:00 AM</t>
  </si>
  <si>
    <t>1998</t>
  </si>
  <si>
    <t>35211</t>
  </si>
  <si>
    <t>5554</t>
  </si>
  <si>
    <t>1569</t>
  </si>
  <si>
    <t>5562</t>
  </si>
  <si>
    <t>5229</t>
  </si>
  <si>
    <t>01/22/2013 12:00:00 AM</t>
  </si>
  <si>
    <t>7146</t>
  </si>
  <si>
    <t>37455</t>
  </si>
  <si>
    <t>9703</t>
  </si>
  <si>
    <t>01/21/2013 12:00:00 AM</t>
  </si>
  <si>
    <t>62488</t>
  </si>
  <si>
    <t>5952</t>
  </si>
  <si>
    <t>6875</t>
  </si>
  <si>
    <t>3826000</t>
  </si>
  <si>
    <t>01/20/2013 12:00:00 AM</t>
  </si>
  <si>
    <t>5984</t>
  </si>
  <si>
    <t>100880</t>
  </si>
  <si>
    <t>5022</t>
  </si>
  <si>
    <t>303000</t>
  </si>
  <si>
    <t>21140</t>
  </si>
  <si>
    <t>5590</t>
  </si>
  <si>
    <t>01/19/2013 12:00:00 AM</t>
  </si>
  <si>
    <t>2244000</t>
  </si>
  <si>
    <t>240361</t>
  </si>
  <si>
    <t>12866</t>
  </si>
  <si>
    <t>34129</t>
  </si>
  <si>
    <t>21615</t>
  </si>
  <si>
    <t>7760</t>
  </si>
  <si>
    <t>81500</t>
  </si>
  <si>
    <t>01/18/2013 12:00:00 AM</t>
  </si>
  <si>
    <t>10167</t>
  </si>
  <si>
    <t>1572000</t>
  </si>
  <si>
    <t>6490</t>
  </si>
  <si>
    <t>7120</t>
  </si>
  <si>
    <t>51337</t>
  </si>
  <si>
    <t>01/17/2013 12:00:00 AM</t>
  </si>
  <si>
    <t>418000</t>
  </si>
  <si>
    <t>7427</t>
  </si>
  <si>
    <t>8685</t>
  </si>
  <si>
    <t>20560</t>
  </si>
  <si>
    <t>01/16/2013 12:00:00 AM</t>
  </si>
  <si>
    <t>7951</t>
  </si>
  <si>
    <t>5487</t>
  </si>
  <si>
    <t>01/15/2013 12:00:00 AM</t>
  </si>
  <si>
    <t>60500</t>
  </si>
  <si>
    <t>7440</t>
  </si>
  <si>
    <t>1818</t>
  </si>
  <si>
    <t>3420</t>
  </si>
  <si>
    <t>2402</t>
  </si>
  <si>
    <t>01/14/2013 12:00:00 AM</t>
  </si>
  <si>
    <t>5646</t>
  </si>
  <si>
    <t>01/13/2013 12:00:00 AM</t>
  </si>
  <si>
    <t>3344</t>
  </si>
  <si>
    <t>9210</t>
  </si>
  <si>
    <t>5441</t>
  </si>
  <si>
    <t>632000</t>
  </si>
  <si>
    <t>5256</t>
  </si>
  <si>
    <t>01/12/2013 12:00:00 AM</t>
  </si>
  <si>
    <t>3810500</t>
  </si>
  <si>
    <t>2728000</t>
  </si>
  <si>
    <t>3095</t>
  </si>
  <si>
    <t>3006</t>
  </si>
  <si>
    <t>01/11/2013 12:00:00 AM</t>
  </si>
  <si>
    <t>19511</t>
  </si>
  <si>
    <t>4935</t>
  </si>
  <si>
    <t>689775</t>
  </si>
  <si>
    <t>5117</t>
  </si>
  <si>
    <t>01/10/2013 12:00:00 AM</t>
  </si>
  <si>
    <t>7011</t>
  </si>
  <si>
    <t>7677</t>
  </si>
  <si>
    <t>6542</t>
  </si>
  <si>
    <t>18710</t>
  </si>
  <si>
    <t>01/09/2013 12:00:00 AM</t>
  </si>
  <si>
    <t>2233</t>
  </si>
  <si>
    <t>5520</t>
  </si>
  <si>
    <t>5298</t>
  </si>
  <si>
    <t>4720</t>
  </si>
  <si>
    <t>01/08/2013 12:00:00 AM</t>
  </si>
  <si>
    <t>4882</t>
  </si>
  <si>
    <t>8035</t>
  </si>
  <si>
    <t>54570</t>
  </si>
  <si>
    <t>50159</t>
  </si>
  <si>
    <t>01/07/2013 12:00:00 AM</t>
  </si>
  <si>
    <t>50908</t>
  </si>
  <si>
    <t>7043</t>
  </si>
  <si>
    <t>3404</t>
  </si>
  <si>
    <t>7588</t>
  </si>
  <si>
    <t>3272</t>
  </si>
  <si>
    <t>01/06/2013 12:00:00 AM</t>
  </si>
  <si>
    <t>10047</t>
  </si>
  <si>
    <t>2332</t>
  </si>
  <si>
    <t>01/05/2013 12:00:00 AM</t>
  </si>
  <si>
    <t>8766</t>
  </si>
  <si>
    <t>1250000</t>
  </si>
  <si>
    <t>8144</t>
  </si>
  <si>
    <t>2054</t>
  </si>
  <si>
    <t>2787</t>
  </si>
  <si>
    <t>01/04/2013 12:00:00 AM</t>
  </si>
  <si>
    <t>01/03/2013 12:00:00 AM</t>
  </si>
  <si>
    <t>30060</t>
  </si>
  <si>
    <t>01/02/2013 12:00:00 AM</t>
  </si>
  <si>
    <t>01/01/2013 12:00:00 AM</t>
  </si>
  <si>
    <t>9525</t>
  </si>
  <si>
    <t>04/08/2013 12:00:00 AM</t>
  </si>
  <si>
    <t>04/07/2013 12:00:00 AM</t>
  </si>
  <si>
    <t>8550</t>
  </si>
  <si>
    <t>1240000</t>
  </si>
  <si>
    <t>18057</t>
  </si>
  <si>
    <t>7050</t>
  </si>
  <si>
    <t>2864</t>
  </si>
  <si>
    <t>04/06/2013 12:00:00 AM</t>
  </si>
  <si>
    <t>ZAPAYÁN</t>
  </si>
  <si>
    <t>2982</t>
  </si>
  <si>
    <t>5110</t>
  </si>
  <si>
    <t>04/05/2013 12:00:00 AM</t>
  </si>
  <si>
    <t>44006</t>
  </si>
  <si>
    <t>17581</t>
  </si>
  <si>
    <t>60051</t>
  </si>
  <si>
    <t>PELUQUERIA Y SIMILARES</t>
  </si>
  <si>
    <t>14131</t>
  </si>
  <si>
    <t>04/04/2013 12:00:00 AM</t>
  </si>
  <si>
    <t>2685</t>
  </si>
  <si>
    <t>7913</t>
  </si>
  <si>
    <t>249355</t>
  </si>
  <si>
    <t>33335</t>
  </si>
  <si>
    <t>64790</t>
  </si>
  <si>
    <t>4764</t>
  </si>
  <si>
    <t>04/03/2013 12:00:00 AM</t>
  </si>
  <si>
    <t>2660</t>
  </si>
  <si>
    <t>1255000</t>
  </si>
  <si>
    <t>503200</t>
  </si>
  <si>
    <t>234175</t>
  </si>
  <si>
    <t>183925</t>
  </si>
  <si>
    <t>537541</t>
  </si>
  <si>
    <t>243320</t>
  </si>
  <si>
    <t>5530</t>
  </si>
  <si>
    <t>14040</t>
  </si>
  <si>
    <t>04/02/2013 12:00:00 AM</t>
  </si>
  <si>
    <t>331600</t>
  </si>
  <si>
    <t>231870</t>
  </si>
  <si>
    <t>5238</t>
  </si>
  <si>
    <t>2163</t>
  </si>
  <si>
    <t>3431</t>
  </si>
  <si>
    <t>04/01/2013 12:00:00 AM</t>
  </si>
  <si>
    <t>404700</t>
  </si>
  <si>
    <t>288320</t>
  </si>
  <si>
    <t>654380</t>
  </si>
  <si>
    <t>03/31/2013 12:00:00 AM</t>
  </si>
  <si>
    <t>169200</t>
  </si>
  <si>
    <t>142810</t>
  </si>
  <si>
    <t>3928</t>
  </si>
  <si>
    <t>03/30/2013 12:00:00 AM</t>
  </si>
  <si>
    <t>23001</t>
  </si>
  <si>
    <t>792</t>
  </si>
  <si>
    <t>4610</t>
  </si>
  <si>
    <t>3253</t>
  </si>
  <si>
    <t>15034</t>
  </si>
  <si>
    <t>03/29/2013 12:00:00 AM</t>
  </si>
  <si>
    <t>8870</t>
  </si>
  <si>
    <t>3736</t>
  </si>
  <si>
    <t>2881</t>
  </si>
  <si>
    <t>03/28/2013 12:00:00 AM</t>
  </si>
  <si>
    <t>256000</t>
  </si>
  <si>
    <t>6457</t>
  </si>
  <si>
    <t>4467</t>
  </si>
  <si>
    <t>03/27/2013 12:00:00 AM</t>
  </si>
  <si>
    <t>577800</t>
  </si>
  <si>
    <t>3821469</t>
  </si>
  <si>
    <t>99974</t>
  </si>
  <si>
    <t>03/26/2013 12:00:00 AM</t>
  </si>
  <si>
    <t>1722000</t>
  </si>
  <si>
    <t>3967</t>
  </si>
  <si>
    <t>6153</t>
  </si>
  <si>
    <t>4149</t>
  </si>
  <si>
    <t>497541</t>
  </si>
  <si>
    <t>03/25/2013 12:00:00 AM</t>
  </si>
  <si>
    <t>3363</t>
  </si>
  <si>
    <t>772000</t>
  </si>
  <si>
    <t>4464</t>
  </si>
  <si>
    <t>10291</t>
  </si>
  <si>
    <t>25805</t>
  </si>
  <si>
    <t>13900</t>
  </si>
  <si>
    <t>4757</t>
  </si>
  <si>
    <t>03/24/2013 12:00:00 AM</t>
  </si>
  <si>
    <t>3855200</t>
  </si>
  <si>
    <t>453500</t>
  </si>
  <si>
    <t>3072</t>
  </si>
  <si>
    <t>03/23/2013 12:00:00 AM</t>
  </si>
  <si>
    <t>14250</t>
  </si>
  <si>
    <t>1600000</t>
  </si>
  <si>
    <t>3290</t>
  </si>
  <si>
    <t>4987</t>
  </si>
  <si>
    <t>03/22/2013 12:00:00 AM</t>
  </si>
  <si>
    <t>19157</t>
  </si>
  <si>
    <t>51886</t>
  </si>
  <si>
    <t>97298</t>
  </si>
  <si>
    <t>308884</t>
  </si>
  <si>
    <t>6046</t>
  </si>
  <si>
    <t>1306</t>
  </si>
  <si>
    <t>03/21/2013 12:00:00 AM</t>
  </si>
  <si>
    <t>880000</t>
  </si>
  <si>
    <t>1110200</t>
  </si>
  <si>
    <t>03/20/2013 12:00:00 AM</t>
  </si>
  <si>
    <t>11275</t>
  </si>
  <si>
    <t>2090000</t>
  </si>
  <si>
    <t>1490000</t>
  </si>
  <si>
    <t>11440</t>
  </si>
  <si>
    <t>5623</t>
  </si>
  <si>
    <t>111820</t>
  </si>
  <si>
    <t>4078</t>
  </si>
  <si>
    <t>29775</t>
  </si>
  <si>
    <t>03/19/2013 12:00:00 AM</t>
  </si>
  <si>
    <t>4399</t>
  </si>
  <si>
    <t>212846</t>
  </si>
  <si>
    <t>14659</t>
  </si>
  <si>
    <t>331100</t>
  </si>
  <si>
    <t>8775</t>
  </si>
  <si>
    <t>03/18/2013 12:00:00 AM</t>
  </si>
  <si>
    <t>4731</t>
  </si>
  <si>
    <t>1693</t>
  </si>
  <si>
    <t>03/17/2013 12:00:00 AM</t>
  </si>
  <si>
    <t>385050</t>
  </si>
  <si>
    <t>4039</t>
  </si>
  <si>
    <t>10534</t>
  </si>
  <si>
    <t>16553</t>
  </si>
  <si>
    <t>13941</t>
  </si>
  <si>
    <t>2150000</t>
  </si>
  <si>
    <t>03/16/2013 12:00:00 AM</t>
  </si>
  <si>
    <t>14260</t>
  </si>
  <si>
    <t>5783</t>
  </si>
  <si>
    <t>83880</t>
  </si>
  <si>
    <t>22951</t>
  </si>
  <si>
    <t>03/15/2013 12:00:00 AM</t>
  </si>
  <si>
    <t>5145</t>
  </si>
  <si>
    <t>03/14/2013 12:00:00 AM</t>
  </si>
  <si>
    <t>7261</t>
  </si>
  <si>
    <t>10865</t>
  </si>
  <si>
    <t>1206</t>
  </si>
  <si>
    <t>4522</t>
  </si>
  <si>
    <t>34250</t>
  </si>
  <si>
    <t>29503</t>
  </si>
  <si>
    <t>03/13/2013 12:00:00 AM</t>
  </si>
  <si>
    <t>18570</t>
  </si>
  <si>
    <t>183000</t>
  </si>
  <si>
    <t>875000</t>
  </si>
  <si>
    <t>7165</t>
  </si>
  <si>
    <t>43830</t>
  </si>
  <si>
    <t>7990</t>
  </si>
  <si>
    <t>92760</t>
  </si>
  <si>
    <t>03/12/2013 12:00:00 AM</t>
  </si>
  <si>
    <t>21100</t>
  </si>
  <si>
    <t>27870</t>
  </si>
  <si>
    <t>1730000</t>
  </si>
  <si>
    <t>4823</t>
  </si>
  <si>
    <t>03/11/2013 12:00:00 AM</t>
  </si>
  <si>
    <t>3871700</t>
  </si>
  <si>
    <t>114626</t>
  </si>
  <si>
    <t>208285</t>
  </si>
  <si>
    <t>5072</t>
  </si>
  <si>
    <t>4387</t>
  </si>
  <si>
    <t>11/04/2013 12:00:00 AM</t>
  </si>
  <si>
    <t>11/03/2013 12:00:00 AM</t>
  </si>
  <si>
    <t>295000</t>
  </si>
  <si>
    <t>11/02/2013 12:00:00 AM</t>
  </si>
  <si>
    <t>429000</t>
  </si>
  <si>
    <t>2546</t>
  </si>
  <si>
    <t>4032</t>
  </si>
  <si>
    <t>11/01/2013 12:00:00 AM</t>
  </si>
  <si>
    <t>38952</t>
  </si>
  <si>
    <t>10/31/2013 12:00:00 AM</t>
  </si>
  <si>
    <t>35844</t>
  </si>
  <si>
    <t>41784</t>
  </si>
  <si>
    <t>10/30/2013 12:00:00 AM</t>
  </si>
  <si>
    <t>127600</t>
  </si>
  <si>
    <t>20584</t>
  </si>
  <si>
    <t>10/29/2013 12:00:00 AM</t>
  </si>
  <si>
    <t>434465</t>
  </si>
  <si>
    <t>516000</t>
  </si>
  <si>
    <t>44444</t>
  </si>
  <si>
    <t>23950</t>
  </si>
  <si>
    <t>639000</t>
  </si>
  <si>
    <t>26682</t>
  </si>
  <si>
    <t>10/28/2013 12:00:00 AM</t>
  </si>
  <si>
    <t>3791</t>
  </si>
  <si>
    <t>346000</t>
  </si>
  <si>
    <t>29338</t>
  </si>
  <si>
    <t>6570</t>
  </si>
  <si>
    <t>10/27/2013 12:00:00 AM</t>
  </si>
  <si>
    <t>456959</t>
  </si>
  <si>
    <t>20195</t>
  </si>
  <si>
    <t>4970</t>
  </si>
  <si>
    <t>1278000</t>
  </si>
  <si>
    <t>581000</t>
  </si>
  <si>
    <t>4749</t>
  </si>
  <si>
    <t>1929</t>
  </si>
  <si>
    <t>10/26/2013 12:00:00 AM</t>
  </si>
  <si>
    <t>6574</t>
  </si>
  <si>
    <t>33001</t>
  </si>
  <si>
    <t>1895</t>
  </si>
  <si>
    <t>653000</t>
  </si>
  <si>
    <t>10/25/2013 12:00:00 AM</t>
  </si>
  <si>
    <t>5682</t>
  </si>
  <si>
    <t>12710</t>
  </si>
  <si>
    <t>16623</t>
  </si>
  <si>
    <t>8630</t>
  </si>
  <si>
    <t>8624</t>
  </si>
  <si>
    <t>2712000</t>
  </si>
  <si>
    <t>38700</t>
  </si>
  <si>
    <t>2928</t>
  </si>
  <si>
    <t>10/24/2013 12:00:00 AM</t>
  </si>
  <si>
    <t>100015</t>
  </si>
  <si>
    <t>4664</t>
  </si>
  <si>
    <t>398920</t>
  </si>
  <si>
    <t>1335000</t>
  </si>
  <si>
    <t>5758</t>
  </si>
  <si>
    <t>231942</t>
  </si>
  <si>
    <t>8611</t>
  </si>
  <si>
    <t>12235</t>
  </si>
  <si>
    <t>10/23/2013 12:00:00 AM</t>
  </si>
  <si>
    <t>6233</t>
  </si>
  <si>
    <t>3050000</t>
  </si>
  <si>
    <t>119986</t>
  </si>
  <si>
    <t>5642</t>
  </si>
  <si>
    <t>1749</t>
  </si>
  <si>
    <t>10/22/2013 12:00:00 AM</t>
  </si>
  <si>
    <t>4076</t>
  </si>
  <si>
    <t>975000</t>
  </si>
  <si>
    <t>10/21/2013 12:00:00 AM</t>
  </si>
  <si>
    <t>12952</t>
  </si>
  <si>
    <t>63935</t>
  </si>
  <si>
    <t>526000</t>
  </si>
  <si>
    <t>10/20/2013 12:00:00 AM</t>
  </si>
  <si>
    <t>172030</t>
  </si>
  <si>
    <t>3285</t>
  </si>
  <si>
    <t>24523</t>
  </si>
  <si>
    <t>10/19/2013 12:00:00 AM</t>
  </si>
  <si>
    <t>765000</t>
  </si>
  <si>
    <t>217664</t>
  </si>
  <si>
    <t>10/18/2013 12:00:00 AM</t>
  </si>
  <si>
    <t>3046</t>
  </si>
  <si>
    <t>18040</t>
  </si>
  <si>
    <t>8780</t>
  </si>
  <si>
    <t>10/17/2013 12:00:00 AM</t>
  </si>
  <si>
    <t>4101</t>
  </si>
  <si>
    <t>5735</t>
  </si>
  <si>
    <t>3830</t>
  </si>
  <si>
    <t>485450</t>
  </si>
  <si>
    <t>9287</t>
  </si>
  <si>
    <t>10/16/2013 12:00:00 AM</t>
  </si>
  <si>
    <t>1140000</t>
  </si>
  <si>
    <t>1770000</t>
  </si>
  <si>
    <t>1060000</t>
  </si>
  <si>
    <t>5306</t>
  </si>
  <si>
    <t>10/15/2013 12:00:00 AM</t>
  </si>
  <si>
    <t>331840</t>
  </si>
  <si>
    <t>7938</t>
  </si>
  <si>
    <t>62325</t>
  </si>
  <si>
    <t>10/14/2013 12:00:00 AM</t>
  </si>
  <si>
    <t>48279</t>
  </si>
  <si>
    <t>175197</t>
  </si>
  <si>
    <t>10/13/2013 12:00:00 AM</t>
  </si>
  <si>
    <t>202224</t>
  </si>
  <si>
    <t>60750</t>
  </si>
  <si>
    <t>10/12/2013 12:00:00 AM</t>
  </si>
  <si>
    <t>959000</t>
  </si>
  <si>
    <t>94200</t>
  </si>
  <si>
    <t>70950</t>
  </si>
  <si>
    <t>2424</t>
  </si>
  <si>
    <t>47188</t>
  </si>
  <si>
    <t>4615</t>
  </si>
  <si>
    <t>250996</t>
  </si>
  <si>
    <t>1645000</t>
  </si>
  <si>
    <t>10/11/2013 12:00:00 AM</t>
  </si>
  <si>
    <t>164705</t>
  </si>
  <si>
    <t>10/10/2013 12:00:00 AM</t>
  </si>
  <si>
    <t>35500</t>
  </si>
  <si>
    <t>26750</t>
  </si>
  <si>
    <t>5420</t>
  </si>
  <si>
    <t>6489</t>
  </si>
  <si>
    <t>10/09/2013 12:00:00 AM</t>
  </si>
  <si>
    <t>1224</t>
  </si>
  <si>
    <t>6030</t>
  </si>
  <si>
    <t>4105</t>
  </si>
  <si>
    <t>1632</t>
  </si>
  <si>
    <t>3816000</t>
  </si>
  <si>
    <t>10/08/2013 12:00:00 AM</t>
  </si>
  <si>
    <t>25191</t>
  </si>
  <si>
    <t>559900</t>
  </si>
  <si>
    <t>23900</t>
  </si>
  <si>
    <t>10/07/2013 12:00:00 AM</t>
  </si>
  <si>
    <t>6976</t>
  </si>
  <si>
    <t>10/06/2013 12:00:00 AM</t>
  </si>
  <si>
    <t>27210</t>
  </si>
  <si>
    <t>2109</t>
  </si>
  <si>
    <t>1516000</t>
  </si>
  <si>
    <t>20750</t>
  </si>
  <si>
    <t>3487</t>
  </si>
  <si>
    <t>10/05/2013 12:00:00 AM</t>
  </si>
  <si>
    <t>25155</t>
  </si>
  <si>
    <t>1072000</t>
  </si>
  <si>
    <t>2070</t>
  </si>
  <si>
    <t>10610</t>
  </si>
  <si>
    <t>10/04/2013 12:00:00 AM</t>
  </si>
  <si>
    <t>12054</t>
  </si>
  <si>
    <t>2976000</t>
  </si>
  <si>
    <t>24370</t>
  </si>
  <si>
    <t>10418</t>
  </si>
  <si>
    <t>11044</t>
  </si>
  <si>
    <t>2091</t>
  </si>
  <si>
    <t>10/03/2013 12:00:00 AM</t>
  </si>
  <si>
    <t>88010</t>
  </si>
  <si>
    <t>9773</t>
  </si>
  <si>
    <t>4007</t>
  </si>
  <si>
    <t>3275</t>
  </si>
  <si>
    <t>10005</t>
  </si>
  <si>
    <t>10/02/2013 12:00:00 AM</t>
  </si>
  <si>
    <t>555000</t>
  </si>
  <si>
    <t>4415</t>
  </si>
  <si>
    <t>9326</t>
  </si>
  <si>
    <t>7432</t>
  </si>
  <si>
    <t>15650</t>
  </si>
  <si>
    <t>9970</t>
  </si>
  <si>
    <t>2876</t>
  </si>
  <si>
    <t>4780</t>
  </si>
  <si>
    <t>3183000</t>
  </si>
  <si>
    <t>10/01/2013 12:00:00 AM</t>
  </si>
  <si>
    <t>2362</t>
  </si>
  <si>
    <t>2118</t>
  </si>
  <si>
    <t>09/30/2013 12:00:00 AM</t>
  </si>
  <si>
    <t>25364</t>
  </si>
  <si>
    <t>13770</t>
  </si>
  <si>
    <t>20735</t>
  </si>
  <si>
    <t>09/29/2013 12:00:00 AM</t>
  </si>
  <si>
    <t>11866</t>
  </si>
  <si>
    <t>17200</t>
  </si>
  <si>
    <t>09/28/2013 12:00:00 AM</t>
  </si>
  <si>
    <t>8454</t>
  </si>
  <si>
    <t>5168</t>
  </si>
  <si>
    <t>09/27/2013 12:00:00 AM</t>
  </si>
  <si>
    <t>12175</t>
  </si>
  <si>
    <t>18394</t>
  </si>
  <si>
    <t>116540</t>
  </si>
  <si>
    <t>5497</t>
  </si>
  <si>
    <t>354000</t>
  </si>
  <si>
    <t>260820</t>
  </si>
  <si>
    <t>09/26/2013 12:00:00 AM</t>
  </si>
  <si>
    <t>10073</t>
  </si>
  <si>
    <t>948420</t>
  </si>
  <si>
    <t>4800000</t>
  </si>
  <si>
    <t>POZO</t>
  </si>
  <si>
    <t>8071</t>
  </si>
  <si>
    <t>09/25/2013 12:00:00 AM</t>
  </si>
  <si>
    <t>30581</t>
  </si>
  <si>
    <t>50500</t>
  </si>
  <si>
    <t>09/24/2013 12:00:00 AM</t>
  </si>
  <si>
    <t>305115</t>
  </si>
  <si>
    <t>1047000</t>
  </si>
  <si>
    <t>5719</t>
  </si>
  <si>
    <t>28250</t>
  </si>
  <si>
    <t>09/23/2013 12:00:00 AM</t>
  </si>
  <si>
    <t>20512</t>
  </si>
  <si>
    <t>3808000</t>
  </si>
  <si>
    <t>22702</t>
  </si>
  <si>
    <t>6447</t>
  </si>
  <si>
    <t>87255</t>
  </si>
  <si>
    <t>20320</t>
  </si>
  <si>
    <t>48141</t>
  </si>
  <si>
    <t>09/22/2013 12:00:00 AM</t>
  </si>
  <si>
    <t>42210</t>
  </si>
  <si>
    <t>6078</t>
  </si>
  <si>
    <t>2763</t>
  </si>
  <si>
    <t>2908</t>
  </si>
  <si>
    <t>09/21/2013 12:00:00 AM</t>
  </si>
  <si>
    <t>3376</t>
  </si>
  <si>
    <t>5921</t>
  </si>
  <si>
    <t>5010</t>
  </si>
  <si>
    <t>09/20/2013 12:00:00 AM</t>
  </si>
  <si>
    <t>15635</t>
  </si>
  <si>
    <t>5205</t>
  </si>
  <si>
    <t>14362</t>
  </si>
  <si>
    <t>28304</t>
  </si>
  <si>
    <t>139000</t>
  </si>
  <si>
    <t>20177</t>
  </si>
  <si>
    <t>4056</t>
  </si>
  <si>
    <t>09/19/2013 12:00:00 AM</t>
  </si>
  <si>
    <t>1141</t>
  </si>
  <si>
    <t>4955</t>
  </si>
  <si>
    <t>343680</t>
  </si>
  <si>
    <t>2504</t>
  </si>
  <si>
    <t>09/18/2013 12:00:00 AM</t>
  </si>
  <si>
    <t>1699</t>
  </si>
  <si>
    <t>09/17/2013 12:00:00 AM</t>
  </si>
  <si>
    <t>10454</t>
  </si>
  <si>
    <t>185703</t>
  </si>
  <si>
    <t>1030000</t>
  </si>
  <si>
    <t>21620</t>
  </si>
  <si>
    <t>TIPO EXPLOTACIÓN COLTÁN</t>
  </si>
  <si>
    <t>6320</t>
  </si>
  <si>
    <t>09/16/2013 12:00:00 AM</t>
  </si>
  <si>
    <t>26562</t>
  </si>
  <si>
    <t>26736</t>
  </si>
  <si>
    <t>3472</t>
  </si>
  <si>
    <t>7259</t>
  </si>
  <si>
    <t>6398</t>
  </si>
  <si>
    <t>40696</t>
  </si>
  <si>
    <t>09/15/2013 12:00:00 AM</t>
  </si>
  <si>
    <t>193000</t>
  </si>
  <si>
    <t>17010</t>
  </si>
  <si>
    <t>09/14/2013 12:00:00 AM</t>
  </si>
  <si>
    <t>2458</t>
  </si>
  <si>
    <t>188050</t>
  </si>
  <si>
    <t>11150</t>
  </si>
  <si>
    <t>09/13/2013 12:00:00 AM</t>
  </si>
  <si>
    <t>9337</t>
  </si>
  <si>
    <t>341023</t>
  </si>
  <si>
    <t>523240</t>
  </si>
  <si>
    <t>1408436</t>
  </si>
  <si>
    <t>302340</t>
  </si>
  <si>
    <t>384120</t>
  </si>
  <si>
    <t>3488</t>
  </si>
  <si>
    <t>09/12/2013 12:00:00 AM</t>
  </si>
  <si>
    <t>7715</t>
  </si>
  <si>
    <t>967407</t>
  </si>
  <si>
    <t>1079000</t>
  </si>
  <si>
    <t>3447</t>
  </si>
  <si>
    <t>09/11/2013 12:00:00 AM</t>
  </si>
  <si>
    <t>2866</t>
  </si>
  <si>
    <t>3850000</t>
  </si>
  <si>
    <t>720000</t>
  </si>
  <si>
    <t>4081</t>
  </si>
  <si>
    <t>4450000</t>
  </si>
  <si>
    <t>75563</t>
  </si>
  <si>
    <t>09/10/2013 12:00:00 AM</t>
  </si>
  <si>
    <t>69685</t>
  </si>
  <si>
    <t>1894</t>
  </si>
  <si>
    <t>790000</t>
  </si>
  <si>
    <t>09/09/2013 12:00:00 AM</t>
  </si>
  <si>
    <t>676385</t>
  </si>
  <si>
    <t>446000</t>
  </si>
  <si>
    <t>QUÍPAMA</t>
  </si>
  <si>
    <t>09/08/2013 12:00:00 AM</t>
  </si>
  <si>
    <t>2744</t>
  </si>
  <si>
    <t>1035000</t>
  </si>
  <si>
    <t>14510</t>
  </si>
  <si>
    <t>950040</t>
  </si>
  <si>
    <t>22797</t>
  </si>
  <si>
    <t>09/07/2013 12:00:00 AM</t>
  </si>
  <si>
    <t>202870</t>
  </si>
  <si>
    <t>24037</t>
  </si>
  <si>
    <t>09/06/2013 12:00:00 AM</t>
  </si>
  <si>
    <t>3107</t>
  </si>
  <si>
    <t>40100</t>
  </si>
  <si>
    <t>7036</t>
  </si>
  <si>
    <t>09/05/2013 12:00:00 AM</t>
  </si>
  <si>
    <t>54497</t>
  </si>
  <si>
    <t>115063</t>
  </si>
  <si>
    <t>5828</t>
  </si>
  <si>
    <t>09/04/2013 12:00:00 AM</t>
  </si>
  <si>
    <t>9614</t>
  </si>
  <si>
    <t>22518</t>
  </si>
  <si>
    <t>18785</t>
  </si>
  <si>
    <t>11456</t>
  </si>
  <si>
    <t>09/03/2013 12:00:00 AM</t>
  </si>
  <si>
    <t>22009</t>
  </si>
  <si>
    <t>2639</t>
  </si>
  <si>
    <t>5578</t>
  </si>
  <si>
    <t>1982</t>
  </si>
  <si>
    <t>09/02/2013 12:00:00 AM</t>
  </si>
  <si>
    <t>116315</t>
  </si>
  <si>
    <t>09/01/2013 12:00:00 AM</t>
  </si>
  <si>
    <t>14022</t>
  </si>
  <si>
    <t>7065</t>
  </si>
  <si>
    <t>17381</t>
  </si>
  <si>
    <t>42040</t>
  </si>
  <si>
    <t>08/31/2013 12:00:00 AM</t>
  </si>
  <si>
    <t>52328</t>
  </si>
  <si>
    <t>1583</t>
  </si>
  <si>
    <t>2676</t>
  </si>
  <si>
    <t>832000</t>
  </si>
  <si>
    <t>08/30/2013 12:00:00 AM</t>
  </si>
  <si>
    <t>42616</t>
  </si>
  <si>
    <t>20077</t>
  </si>
  <si>
    <t>321020</t>
  </si>
  <si>
    <t>7730</t>
  </si>
  <si>
    <t>08/29/2013 12:00:00 AM</t>
  </si>
  <si>
    <t>13213</t>
  </si>
  <si>
    <t>224800</t>
  </si>
  <si>
    <t>24137</t>
  </si>
  <si>
    <t>08/28/2013 12:00:00 AM</t>
  </si>
  <si>
    <t>31318</t>
  </si>
  <si>
    <t>3504</t>
  </si>
  <si>
    <t>260028</t>
  </si>
  <si>
    <t>4870</t>
  </si>
  <si>
    <t>08/27/2013 12:00:00 AM</t>
  </si>
  <si>
    <t>1021950</t>
  </si>
  <si>
    <t>24277</t>
  </si>
  <si>
    <t>08/26/2013 12:00:00 AM</t>
  </si>
  <si>
    <t>7170</t>
  </si>
  <si>
    <t>08/25/2013 12:00:00 AM</t>
  </si>
  <si>
    <t>3771</t>
  </si>
  <si>
    <t>12964</t>
  </si>
  <si>
    <t>08/24/2013 12:00:00 AM</t>
  </si>
  <si>
    <t>287180</t>
  </si>
  <si>
    <t>9749</t>
  </si>
  <si>
    <t>30340</t>
  </si>
  <si>
    <t>15499</t>
  </si>
  <si>
    <t>5465</t>
  </si>
  <si>
    <t>504000</t>
  </si>
  <si>
    <t>9763</t>
  </si>
  <si>
    <t>5095</t>
  </si>
  <si>
    <t>08/23/2013 12:00:00 AM</t>
  </si>
  <si>
    <t>34410</t>
  </si>
  <si>
    <t>1420000</t>
  </si>
  <si>
    <t>109630</t>
  </si>
  <si>
    <t>08/22/2013 12:00:00 AM</t>
  </si>
  <si>
    <t>3421</t>
  </si>
  <si>
    <t>15148</t>
  </si>
  <si>
    <t>80736</t>
  </si>
  <si>
    <t>857000</t>
  </si>
  <si>
    <t>4075</t>
  </si>
  <si>
    <t>2785</t>
  </si>
  <si>
    <t>34167</t>
  </si>
  <si>
    <t>08/21/2013 12:00:00 AM</t>
  </si>
  <si>
    <t>1580000</t>
  </si>
  <si>
    <t>2623</t>
  </si>
  <si>
    <t>21580</t>
  </si>
  <si>
    <t>2704</t>
  </si>
  <si>
    <t>08/20/2013 12:00:00 AM</t>
  </si>
  <si>
    <t>1307</t>
  </si>
  <si>
    <t>811350</t>
  </si>
  <si>
    <t>7790</t>
  </si>
  <si>
    <t>08/19/2013 12:00:00 AM</t>
  </si>
  <si>
    <t>441000</t>
  </si>
  <si>
    <t>3710</t>
  </si>
  <si>
    <t>883495</t>
  </si>
  <si>
    <t>6578</t>
  </si>
  <si>
    <t>1396000</t>
  </si>
  <si>
    <t>4801</t>
  </si>
  <si>
    <t>08/18/2013 12:00:00 AM</t>
  </si>
  <si>
    <t>919600</t>
  </si>
  <si>
    <t>4695</t>
  </si>
  <si>
    <t>08/17/2013 12:00:00 AM</t>
  </si>
  <si>
    <t>659000</t>
  </si>
  <si>
    <t>15947</t>
  </si>
  <si>
    <t>08/16/2013 12:00:00 AM</t>
  </si>
  <si>
    <t>75500</t>
  </si>
  <si>
    <t>4725000</t>
  </si>
  <si>
    <t>2064</t>
  </si>
  <si>
    <t>10751</t>
  </si>
  <si>
    <t>6160</t>
  </si>
  <si>
    <t>15185</t>
  </si>
  <si>
    <t>4385</t>
  </si>
  <si>
    <t>08/15/2013 12:00:00 AM</t>
  </si>
  <si>
    <t>3622</t>
  </si>
  <si>
    <t>3014</t>
  </si>
  <si>
    <t>16402</t>
  </si>
  <si>
    <t>28038</t>
  </si>
  <si>
    <t>6572</t>
  </si>
  <si>
    <t>3540</t>
  </si>
  <si>
    <t>20007</t>
  </si>
  <si>
    <t>7670</t>
  </si>
  <si>
    <t>30890</t>
  </si>
  <si>
    <t>08/14/2013 12:00:00 AM</t>
  </si>
  <si>
    <t>4488</t>
  </si>
  <si>
    <t>27568</t>
  </si>
  <si>
    <t>7392</t>
  </si>
  <si>
    <t>98730</t>
  </si>
  <si>
    <t>23168</t>
  </si>
  <si>
    <t>93450</t>
  </si>
  <si>
    <t>787350</t>
  </si>
  <si>
    <t>6980</t>
  </si>
  <si>
    <t>26048</t>
  </si>
  <si>
    <t>08/13/2013 12:00:00 AM</t>
  </si>
  <si>
    <t>4037</t>
  </si>
  <si>
    <t>08/12/2013 12:00:00 AM</t>
  </si>
  <si>
    <t>19095</t>
  </si>
  <si>
    <t>7193</t>
  </si>
  <si>
    <t>08/11/2013 12:00:00 AM</t>
  </si>
  <si>
    <t>3163</t>
  </si>
  <si>
    <t>5888</t>
  </si>
  <si>
    <t>08/10/2013 12:00:00 AM</t>
  </si>
  <si>
    <t>338043</t>
  </si>
  <si>
    <t>64800</t>
  </si>
  <si>
    <t>5768</t>
  </si>
  <si>
    <t>08/09/2013 12:00:00 AM</t>
  </si>
  <si>
    <t>687098</t>
  </si>
  <si>
    <t>721000</t>
  </si>
  <si>
    <t>236000</t>
  </si>
  <si>
    <t>31919</t>
  </si>
  <si>
    <t>08/08/2013 12:00:00 AM</t>
  </si>
  <si>
    <t>14865</t>
  </si>
  <si>
    <t>5660</t>
  </si>
  <si>
    <t>148500</t>
  </si>
  <si>
    <t>5557</t>
  </si>
  <si>
    <t>12064</t>
  </si>
  <si>
    <t>6140</t>
  </si>
  <si>
    <t>57410</t>
  </si>
  <si>
    <t>08/07/2013 12:00:00 AM</t>
  </si>
  <si>
    <t>11340</t>
  </si>
  <si>
    <t>42800</t>
  </si>
  <si>
    <t>10959</t>
  </si>
  <si>
    <t>4586</t>
  </si>
  <si>
    <t>08/06/2013 12:00:00 AM</t>
  </si>
  <si>
    <t>14079</t>
  </si>
  <si>
    <t>26921</t>
  </si>
  <si>
    <t>08/05/2013 12:00:00 AM</t>
  </si>
  <si>
    <t>2009000</t>
  </si>
  <si>
    <t>24820</t>
  </si>
  <si>
    <t>08/04/2013 12:00:00 AM</t>
  </si>
  <si>
    <t>20128</t>
  </si>
  <si>
    <t>1838</t>
  </si>
  <si>
    <t>33366</t>
  </si>
  <si>
    <t>08/03/2013 12:00:00 AM</t>
  </si>
  <si>
    <t>29400</t>
  </si>
  <si>
    <t>19735</t>
  </si>
  <si>
    <t>5350000</t>
  </si>
  <si>
    <t>6970</t>
  </si>
  <si>
    <t>274000</t>
  </si>
  <si>
    <t>08/02/2013 12:00:00 AM</t>
  </si>
  <si>
    <t>15107</t>
  </si>
  <si>
    <t>38045</t>
  </si>
  <si>
    <t>6111</t>
  </si>
  <si>
    <t>10735</t>
  </si>
  <si>
    <t>307126</t>
  </si>
  <si>
    <t>36585</t>
  </si>
  <si>
    <t>7574</t>
  </si>
  <si>
    <t>38030</t>
  </si>
  <si>
    <t>12636</t>
  </si>
  <si>
    <t>3164</t>
  </si>
  <si>
    <t>23320</t>
  </si>
  <si>
    <t>811000</t>
  </si>
  <si>
    <t>50987</t>
  </si>
  <si>
    <t>08/01/2013 12:00:00 AM</t>
  </si>
  <si>
    <t>2709</t>
  </si>
  <si>
    <t>12460</t>
  </si>
  <si>
    <t>20018</t>
  </si>
  <si>
    <t>4023</t>
  </si>
  <si>
    <t>24330</t>
  </si>
  <si>
    <t>07/31/2013 12:00:00 AM</t>
  </si>
  <si>
    <t>17077</t>
  </si>
  <si>
    <t>11082</t>
  </si>
  <si>
    <t>1205000</t>
  </si>
  <si>
    <t>2309</t>
  </si>
  <si>
    <t>3458</t>
  </si>
  <si>
    <t>07/30/2013 12:00:00 AM</t>
  </si>
  <si>
    <t>4790</t>
  </si>
  <si>
    <t>108270</t>
  </si>
  <si>
    <t>20014</t>
  </si>
  <si>
    <t>07/29/2013 12:00:00 AM</t>
  </si>
  <si>
    <t>1927</t>
  </si>
  <si>
    <t>5495</t>
  </si>
  <si>
    <t>07/28/2013 12:00:00 AM</t>
  </si>
  <si>
    <t>16657</t>
  </si>
  <si>
    <t>3873</t>
  </si>
  <si>
    <t>07/27/2013 12:00:00 AM</t>
  </si>
  <si>
    <t>7922</t>
  </si>
  <si>
    <t>7188</t>
  </si>
  <si>
    <t>07/26/2013 12:00:00 AM</t>
  </si>
  <si>
    <t>295500</t>
  </si>
  <si>
    <t>12082</t>
  </si>
  <si>
    <t>164000</t>
  </si>
  <si>
    <t>39525</t>
  </si>
  <si>
    <t>2201000</t>
  </si>
  <si>
    <t>1075000</t>
  </si>
  <si>
    <t>118950</t>
  </si>
  <si>
    <t>07/25/2013 12:00:00 AM</t>
  </si>
  <si>
    <t>5094400</t>
  </si>
  <si>
    <t>1978</t>
  </si>
  <si>
    <t>148900</t>
  </si>
  <si>
    <t>4666</t>
  </si>
  <si>
    <t>8455</t>
  </si>
  <si>
    <t>16235</t>
  </si>
  <si>
    <t>07/24/2013 12:00:00 AM</t>
  </si>
  <si>
    <t>54448</t>
  </si>
  <si>
    <t>10550</t>
  </si>
  <si>
    <t>22160</t>
  </si>
  <si>
    <t>07/23/2013 12:00:00 AM</t>
  </si>
  <si>
    <t>10612</t>
  </si>
  <si>
    <t>40001</t>
  </si>
  <si>
    <t>228000</t>
  </si>
  <si>
    <t>2997</t>
  </si>
  <si>
    <t>07/22/2013 12:00:00 AM</t>
  </si>
  <si>
    <t>8056</t>
  </si>
  <si>
    <t>9980</t>
  </si>
  <si>
    <t>1118000</t>
  </si>
  <si>
    <t>07/21/2013 12:00:00 AM</t>
  </si>
  <si>
    <t>3451</t>
  </si>
  <si>
    <t>668800</t>
  </si>
  <si>
    <t>07/20/2013 12:00:00 AM</t>
  </si>
  <si>
    <t>9989</t>
  </si>
  <si>
    <t>6000000</t>
  </si>
  <si>
    <t>70240</t>
  </si>
  <si>
    <t>07/19/2013 12:00:00 AM</t>
  </si>
  <si>
    <t>12105</t>
  </si>
  <si>
    <t>10297</t>
  </si>
  <si>
    <t>11460</t>
  </si>
  <si>
    <t>2296</t>
  </si>
  <si>
    <t>79500</t>
  </si>
  <si>
    <t>123050</t>
  </si>
  <si>
    <t>07/18/2013 12:00:00 AM</t>
  </si>
  <si>
    <t>36112</t>
  </si>
  <si>
    <t>30622</t>
  </si>
  <si>
    <t>1020000</t>
  </si>
  <si>
    <t>6215</t>
  </si>
  <si>
    <t>11223</t>
  </si>
  <si>
    <t>07/17/2013 12:00:00 AM</t>
  </si>
  <si>
    <t>5820</t>
  </si>
  <si>
    <t>5317</t>
  </si>
  <si>
    <t>6985</t>
  </si>
  <si>
    <t>195342</t>
  </si>
  <si>
    <t>07/16/2013 12:00:00 AM</t>
  </si>
  <si>
    <t>622500</t>
  </si>
  <si>
    <t>6299</t>
  </si>
  <si>
    <t>10890</t>
  </si>
  <si>
    <t>2754</t>
  </si>
  <si>
    <t>75131</t>
  </si>
  <si>
    <t>40500</t>
  </si>
  <si>
    <t>42900</t>
  </si>
  <si>
    <t>07/15/2013 12:00:00 AM</t>
  </si>
  <si>
    <t>07/14/2013 12:00:00 AM</t>
  </si>
  <si>
    <t>26080</t>
  </si>
  <si>
    <t>3927</t>
  </si>
  <si>
    <t>07/13/2013 12:00:00 AM</t>
  </si>
  <si>
    <t>15642</t>
  </si>
  <si>
    <t>14966</t>
  </si>
  <si>
    <t>13449</t>
  </si>
  <si>
    <t>4927</t>
  </si>
  <si>
    <t>2781</t>
  </si>
  <si>
    <t>07/12/2013 12:00:00 AM</t>
  </si>
  <si>
    <t>3236</t>
  </si>
  <si>
    <t>8348</t>
  </si>
  <si>
    <t>65900</t>
  </si>
  <si>
    <t>10022</t>
  </si>
  <si>
    <t>7530</t>
  </si>
  <si>
    <t>664550</t>
  </si>
  <si>
    <t>07/11/2013 12:00:00 AM</t>
  </si>
  <si>
    <t>979000</t>
  </si>
  <si>
    <t>1858</t>
  </si>
  <si>
    <t>07/10/2013 12:00:00 AM</t>
  </si>
  <si>
    <t>6094</t>
  </si>
  <si>
    <t>24738</t>
  </si>
  <si>
    <t>176900</t>
  </si>
  <si>
    <t>918000</t>
  </si>
  <si>
    <t>242800</t>
  </si>
  <si>
    <t>07/09/2013 12:00:00 AM</t>
  </si>
  <si>
    <t>35015</t>
  </si>
  <si>
    <t>4177</t>
  </si>
  <si>
    <t>6365</t>
  </si>
  <si>
    <t>365000</t>
  </si>
  <si>
    <t>47980</t>
  </si>
  <si>
    <t>FRENTE A ZOOLÓGICO</t>
  </si>
  <si>
    <t>07/08/2013 12:00:00 AM</t>
  </si>
  <si>
    <t>3689</t>
  </si>
  <si>
    <t>6562</t>
  </si>
  <si>
    <t>11437</t>
  </si>
  <si>
    <t>07/07/2013 12:00:00 AM</t>
  </si>
  <si>
    <t>12006</t>
  </si>
  <si>
    <t>AGUADA</t>
  </si>
  <si>
    <t>JOYERIAS</t>
  </si>
  <si>
    <t>07/06/2013 12:00:00 AM</t>
  </si>
  <si>
    <t>10824</t>
  </si>
  <si>
    <t>54100</t>
  </si>
  <si>
    <t>2750000</t>
  </si>
  <si>
    <t>07/05/2013 12:00:00 AM</t>
  </si>
  <si>
    <t>CEPITÁ</t>
  </si>
  <si>
    <t>6425</t>
  </si>
  <si>
    <t>13840</t>
  </si>
  <si>
    <t>69620</t>
  </si>
  <si>
    <t>07/04/2013 12:00:00 AM</t>
  </si>
  <si>
    <t>12536</t>
  </si>
  <si>
    <t>10725</t>
  </si>
  <si>
    <t>1059820</t>
  </si>
  <si>
    <t>07/03/2013 12:00:00 AM</t>
  </si>
  <si>
    <t>24050</t>
  </si>
  <si>
    <t>702260</t>
  </si>
  <si>
    <t>10018</t>
  </si>
  <si>
    <t>8656</t>
  </si>
  <si>
    <t>07/02/2013 12:00:00 AM</t>
  </si>
  <si>
    <t>99650</t>
  </si>
  <si>
    <t>2401</t>
  </si>
  <si>
    <t>45500</t>
  </si>
  <si>
    <t>07/01/2013 12:00:00 AM</t>
  </si>
  <si>
    <t>14843</t>
  </si>
  <si>
    <t>524887</t>
  </si>
  <si>
    <t>10465</t>
  </si>
  <si>
    <t>06/30/2013 12:00:00 AM</t>
  </si>
  <si>
    <t>41230</t>
  </si>
  <si>
    <t>4876</t>
  </si>
  <si>
    <t>06/29/2013 12:00:00 AM</t>
  </si>
  <si>
    <t>8358</t>
  </si>
  <si>
    <t>1650000</t>
  </si>
  <si>
    <t>8818</t>
  </si>
  <si>
    <t>06/28/2013 12:00:00 AM</t>
  </si>
  <si>
    <t>17588</t>
  </si>
  <si>
    <t>6911</t>
  </si>
  <si>
    <t>6775</t>
  </si>
  <si>
    <t>28440</t>
  </si>
  <si>
    <t>06/27/2013 12:00:00 AM</t>
  </si>
  <si>
    <t>4431</t>
  </si>
  <si>
    <t>39832</t>
  </si>
  <si>
    <t>5911</t>
  </si>
  <si>
    <t>06/26/2013 12:00:00 AM</t>
  </si>
  <si>
    <t>20185</t>
  </si>
  <si>
    <t>5798</t>
  </si>
  <si>
    <t>06/25/2013 12:00:00 AM</t>
  </si>
  <si>
    <t>8080</t>
  </si>
  <si>
    <t>564300</t>
  </si>
  <si>
    <t>6437</t>
  </si>
  <si>
    <t>6614</t>
  </si>
  <si>
    <t>06/24/2013 12:00:00 AM</t>
  </si>
  <si>
    <t>25434</t>
  </si>
  <si>
    <t>1839</t>
  </si>
  <si>
    <t>06/23/2013 12:00:00 AM</t>
  </si>
  <si>
    <t>17505</t>
  </si>
  <si>
    <t>1993</t>
  </si>
  <si>
    <t>06/22/2013 12:00:00 AM</t>
  </si>
  <si>
    <t>9035</t>
  </si>
  <si>
    <t>1309000</t>
  </si>
  <si>
    <t>5761</t>
  </si>
  <si>
    <t>6113</t>
  </si>
  <si>
    <t>06/21/2013 12:00:00 AM</t>
  </si>
  <si>
    <t>25030</t>
  </si>
  <si>
    <t>83767</t>
  </si>
  <si>
    <t>06/20/2013 12:00:00 AM</t>
  </si>
  <si>
    <t>32075</t>
  </si>
  <si>
    <t>63903</t>
  </si>
  <si>
    <t>1513000</t>
  </si>
  <si>
    <t>06/19/2013 12:00:00 AM</t>
  </si>
  <si>
    <t>53059</t>
  </si>
  <si>
    <t>3289</t>
  </si>
  <si>
    <t>5643</t>
  </si>
  <si>
    <t>5745</t>
  </si>
  <si>
    <t>06/18/2013 12:00:00 AM</t>
  </si>
  <si>
    <t>22006</t>
  </si>
  <si>
    <t>06/17/2013 12:00:00 AM</t>
  </si>
  <si>
    <t>150450</t>
  </si>
  <si>
    <t>216200</t>
  </si>
  <si>
    <t>280859</t>
  </si>
  <si>
    <t>06/16/2013 12:00:00 AM</t>
  </si>
  <si>
    <t>12345</t>
  </si>
  <si>
    <t>12004</t>
  </si>
  <si>
    <t>06/15/2013 12:00:00 AM</t>
  </si>
  <si>
    <t>3546</t>
  </si>
  <si>
    <t>450490</t>
  </si>
  <si>
    <t>06/14/2013 12:00:00 AM</t>
  </si>
  <si>
    <t>1896</t>
  </si>
  <si>
    <t>3187</t>
  </si>
  <si>
    <t>560000</t>
  </si>
  <si>
    <t>2240</t>
  </si>
  <si>
    <t>06/13/2013 12:00:00 AM</t>
  </si>
  <si>
    <t>110130</t>
  </si>
  <si>
    <t>11257</t>
  </si>
  <si>
    <t>06/12/2013 12:00:00 AM</t>
  </si>
  <si>
    <t>7544</t>
  </si>
  <si>
    <t>4910</t>
  </si>
  <si>
    <t>5872</t>
  </si>
  <si>
    <t>2971</t>
  </si>
  <si>
    <t>06/11/2013 12:00:00 AM</t>
  </si>
  <si>
    <t>5742</t>
  </si>
  <si>
    <t>2168200</t>
  </si>
  <si>
    <t>4916</t>
  </si>
  <si>
    <t>608000</t>
  </si>
  <si>
    <t>6557</t>
  </si>
  <si>
    <t>640000</t>
  </si>
  <si>
    <t>1212</t>
  </si>
  <si>
    <t>06/10/2013 12:00:00 AM</t>
  </si>
  <si>
    <t>4388</t>
  </si>
  <si>
    <t>4096</t>
  </si>
  <si>
    <t>06/09/2013 12:00:00 AM</t>
  </si>
  <si>
    <t>7751</t>
  </si>
  <si>
    <t>9965</t>
  </si>
  <si>
    <t>530000</t>
  </si>
  <si>
    <t>06/08/2013 12:00:00 AM</t>
  </si>
  <si>
    <t>10369</t>
  </si>
  <si>
    <t>2707</t>
  </si>
  <si>
    <t>06/07/2013 12:00:00 AM</t>
  </si>
  <si>
    <t>1020012</t>
  </si>
  <si>
    <t>138000</t>
  </si>
  <si>
    <t>5330</t>
  </si>
  <si>
    <t>10175</t>
  </si>
  <si>
    <t>1960000</t>
  </si>
  <si>
    <t>06/06/2013 12:00:00 AM</t>
  </si>
  <si>
    <t>8009</t>
  </si>
  <si>
    <t>2657</t>
  </si>
  <si>
    <t>06/05/2013 12:00:00 AM</t>
  </si>
  <si>
    <t>458061</t>
  </si>
  <si>
    <t>1700000</t>
  </si>
  <si>
    <t>76822</t>
  </si>
  <si>
    <t>3875</t>
  </si>
  <si>
    <t>06/04/2013 12:00:00 AM</t>
  </si>
  <si>
    <t>5571</t>
  </si>
  <si>
    <t>130700</t>
  </si>
  <si>
    <t>7160</t>
  </si>
  <si>
    <t>8464</t>
  </si>
  <si>
    <t>110240</t>
  </si>
  <si>
    <t>5905</t>
  </si>
  <si>
    <t>06/03/2013 12:00:00 AM</t>
  </si>
  <si>
    <t>3531000</t>
  </si>
  <si>
    <t>11004</t>
  </si>
  <si>
    <t>7697</t>
  </si>
  <si>
    <t>4794</t>
  </si>
  <si>
    <t>6498</t>
  </si>
  <si>
    <t>06/02/2013 12:00:00 AM</t>
  </si>
  <si>
    <t>SAN MIGUEL DE SEMA</t>
  </si>
  <si>
    <t>06/01/2013 12:00:00 AM</t>
  </si>
  <si>
    <t>2836000</t>
  </si>
  <si>
    <t>6243</t>
  </si>
  <si>
    <t>3119</t>
  </si>
  <si>
    <t>140466</t>
  </si>
  <si>
    <t>05/31/2013 12:00:00 AM</t>
  </si>
  <si>
    <t>3806</t>
  </si>
  <si>
    <t>8176</t>
  </si>
  <si>
    <t>1309576</t>
  </si>
  <si>
    <t>7512</t>
  </si>
  <si>
    <t>05/30/2013 12:00:00 AM</t>
  </si>
  <si>
    <t>501500</t>
  </si>
  <si>
    <t>3156</t>
  </si>
  <si>
    <t>163332</t>
  </si>
  <si>
    <t>2717000</t>
  </si>
  <si>
    <t>05/29/2013 12:00:00 AM</t>
  </si>
  <si>
    <t>113024</t>
  </si>
  <si>
    <t>7552</t>
  </si>
  <si>
    <t>24441</t>
  </si>
  <si>
    <t>132946</t>
  </si>
  <si>
    <t>5036</t>
  </si>
  <si>
    <t>4397</t>
  </si>
  <si>
    <t>05/28/2013 12:00:00 AM</t>
  </si>
  <si>
    <t>55066</t>
  </si>
  <si>
    <t>315000</t>
  </si>
  <si>
    <t>6383</t>
  </si>
  <si>
    <t>195100</t>
  </si>
  <si>
    <t>05/27/2013 12:00:00 AM</t>
  </si>
  <si>
    <t>05/26/2013 12:00:00 AM</t>
  </si>
  <si>
    <t>4788</t>
  </si>
  <si>
    <t>1406000</t>
  </si>
  <si>
    <t>21437</t>
  </si>
  <si>
    <t>05/25/2013 12:00:00 AM</t>
  </si>
  <si>
    <t>3013</t>
  </si>
  <si>
    <t>5099</t>
  </si>
  <si>
    <t>21009</t>
  </si>
  <si>
    <t>12627</t>
  </si>
  <si>
    <t>48073</t>
  </si>
  <si>
    <t>29340</t>
  </si>
  <si>
    <t>3940</t>
  </si>
  <si>
    <t>05/24/2013 12:00:00 AM</t>
  </si>
  <si>
    <t>7167</t>
  </si>
  <si>
    <t>358890</t>
  </si>
  <si>
    <t>12093</t>
  </si>
  <si>
    <t>118965</t>
  </si>
  <si>
    <t>7782</t>
  </si>
  <si>
    <t>202568</t>
  </si>
  <si>
    <t>05/23/2013 12:00:00 AM</t>
  </si>
  <si>
    <t>05/22/2013 12:00:00 AM</t>
  </si>
  <si>
    <t>12515</t>
  </si>
  <si>
    <t>100421</t>
  </si>
  <si>
    <t>10660</t>
  </si>
  <si>
    <t>4829</t>
  </si>
  <si>
    <t>60890</t>
  </si>
  <si>
    <t>05/21/2013 12:00:00 AM</t>
  </si>
  <si>
    <t>30398</t>
  </si>
  <si>
    <t>6538</t>
  </si>
  <si>
    <t>1878</t>
  </si>
  <si>
    <t>05/20/2013 12:00:00 AM</t>
  </si>
  <si>
    <t>2840000</t>
  </si>
  <si>
    <t>19997</t>
  </si>
  <si>
    <t>05/19/2013 12:00:00 AM</t>
  </si>
  <si>
    <t>05/18/2013 12:00:00 AM</t>
  </si>
  <si>
    <t>614900</t>
  </si>
  <si>
    <t>4989</t>
  </si>
  <si>
    <t>4462</t>
  </si>
  <si>
    <t>05/17/2013 12:00:00 AM</t>
  </si>
  <si>
    <t>52401</t>
  </si>
  <si>
    <t>24970</t>
  </si>
  <si>
    <t>2139</t>
  </si>
  <si>
    <t>2996</t>
  </si>
  <si>
    <t>2433000</t>
  </si>
  <si>
    <t>05/16/2013 12:00:00 AM</t>
  </si>
  <si>
    <t>18024</t>
  </si>
  <si>
    <t>13358</t>
  </si>
  <si>
    <t>05/15/2013 12:00:00 AM</t>
  </si>
  <si>
    <t>7203</t>
  </si>
  <si>
    <t>12186</t>
  </si>
  <si>
    <t>2714160</t>
  </si>
  <si>
    <t>7723</t>
  </si>
  <si>
    <t>86200</t>
  </si>
  <si>
    <t>2671</t>
  </si>
  <si>
    <t>05/14/2013 12:00:00 AM</t>
  </si>
  <si>
    <t>15320</t>
  </si>
  <si>
    <t>3517</t>
  </si>
  <si>
    <t>3922</t>
  </si>
  <si>
    <t>05/13/2013 12:00:00 AM</t>
  </si>
  <si>
    <t>4310</t>
  </si>
  <si>
    <t>LICORERA/ESTANCO 24 HORAS</t>
  </si>
  <si>
    <t>05/12/2013 12:00:00 AM</t>
  </si>
  <si>
    <t>2723</t>
  </si>
  <si>
    <t>05/11/2013 12:00:00 AM</t>
  </si>
  <si>
    <t>4809</t>
  </si>
  <si>
    <t>6446</t>
  </si>
  <si>
    <t>75199</t>
  </si>
  <si>
    <t>77040</t>
  </si>
  <si>
    <t>6220</t>
  </si>
  <si>
    <t>05/10/2013 12:00:00 AM</t>
  </si>
  <si>
    <t>1722</t>
  </si>
  <si>
    <t>5533</t>
  </si>
  <si>
    <t>7234</t>
  </si>
  <si>
    <t>15853</t>
  </si>
  <si>
    <t>3053</t>
  </si>
  <si>
    <t>05/09/2013 12:00:00 AM</t>
  </si>
  <si>
    <t>3557</t>
  </si>
  <si>
    <t>21740</t>
  </si>
  <si>
    <t>25994</t>
  </si>
  <si>
    <t>3026</t>
  </si>
  <si>
    <t>05/08/2013 12:00:00 AM</t>
  </si>
  <si>
    <t>12918</t>
  </si>
  <si>
    <t>26152</t>
  </si>
  <si>
    <t>3769</t>
  </si>
  <si>
    <t>10806</t>
  </si>
  <si>
    <t>7960</t>
  </si>
  <si>
    <t>1389</t>
  </si>
  <si>
    <t>05/07/2013 12:00:00 AM</t>
  </si>
  <si>
    <t>2629</t>
  </si>
  <si>
    <t>860000</t>
  </si>
  <si>
    <t>8569</t>
  </si>
  <si>
    <t>4628</t>
  </si>
  <si>
    <t>15009</t>
  </si>
  <si>
    <t>16510</t>
  </si>
  <si>
    <t>05/06/2013 12:00:00 AM</t>
  </si>
  <si>
    <t>162250</t>
  </si>
  <si>
    <t>17620</t>
  </si>
  <si>
    <t>52540</t>
  </si>
  <si>
    <t>3021</t>
  </si>
  <si>
    <t>05/05/2013 12:00:00 AM</t>
  </si>
  <si>
    <t>50805</t>
  </si>
  <si>
    <t>103330</t>
  </si>
  <si>
    <t>05/04/2013 12:00:00 AM</t>
  </si>
  <si>
    <t>05/03/2013 12:00:00 AM</t>
  </si>
  <si>
    <t>115724</t>
  </si>
  <si>
    <t>9628</t>
  </si>
  <si>
    <t>4355</t>
  </si>
  <si>
    <t>05/02/2013 12:00:00 AM</t>
  </si>
  <si>
    <t>16755</t>
  </si>
  <si>
    <t>11900</t>
  </si>
  <si>
    <t>13825</t>
  </si>
  <si>
    <t>7655</t>
  </si>
  <si>
    <t>05/01/2013 12:00:00 AM</t>
  </si>
  <si>
    <t>950066</t>
  </si>
  <si>
    <t>17312</t>
  </si>
  <si>
    <t>134500</t>
  </si>
  <si>
    <t>04/30/2013 12:00:00 AM</t>
  </si>
  <si>
    <t>7883</t>
  </si>
  <si>
    <t>44614</t>
  </si>
  <si>
    <t>309000</t>
  </si>
  <si>
    <t>23355</t>
  </si>
  <si>
    <t>04/29/2013 12:00:00 AM</t>
  </si>
  <si>
    <t>533550</t>
  </si>
  <si>
    <t>04/28/2013 12:00:00 AM</t>
  </si>
  <si>
    <t>12525</t>
  </si>
  <si>
    <t>9662</t>
  </si>
  <si>
    <t>4607</t>
  </si>
  <si>
    <t>04/27/2013 12:00:00 AM</t>
  </si>
  <si>
    <t>30816</t>
  </si>
  <si>
    <t>533000</t>
  </si>
  <si>
    <t>25993</t>
  </si>
  <si>
    <t>04/26/2013 12:00:00 AM</t>
  </si>
  <si>
    <t>7030</t>
  </si>
  <si>
    <t>19030</t>
  </si>
  <si>
    <t>4578</t>
  </si>
  <si>
    <t>04/25/2013 12:00:00 AM</t>
  </si>
  <si>
    <t>8127</t>
  </si>
  <si>
    <t>18239</t>
  </si>
  <si>
    <t>464000</t>
  </si>
  <si>
    <t>6965</t>
  </si>
  <si>
    <t>8423</t>
  </si>
  <si>
    <t>7461</t>
  </si>
  <si>
    <t>21660</t>
  </si>
  <si>
    <t>04/24/2013 12:00:00 AM</t>
  </si>
  <si>
    <t>166496</t>
  </si>
  <si>
    <t>4178</t>
  </si>
  <si>
    <t>3936</t>
  </si>
  <si>
    <t>4860</t>
  </si>
  <si>
    <t>04/23/2013 12:00:00 AM</t>
  </si>
  <si>
    <t>2754000</t>
  </si>
  <si>
    <t>17950</t>
  </si>
  <si>
    <t>12154</t>
  </si>
  <si>
    <t>243735</t>
  </si>
  <si>
    <t>3405</t>
  </si>
  <si>
    <t>9274</t>
  </si>
  <si>
    <t>2283</t>
  </si>
  <si>
    <t>04/22/2013 12:00:00 AM</t>
  </si>
  <si>
    <t>21089</t>
  </si>
  <si>
    <t>18848</t>
  </si>
  <si>
    <t>7340</t>
  </si>
  <si>
    <t>8908</t>
  </si>
  <si>
    <t>4115</t>
  </si>
  <si>
    <t>31516</t>
  </si>
  <si>
    <t>04/21/2013 12:00:00 AM</t>
  </si>
  <si>
    <t>21217</t>
  </si>
  <si>
    <t>3545</t>
  </si>
  <si>
    <t>04/20/2013 12:00:00 AM</t>
  </si>
  <si>
    <t>1472000</t>
  </si>
  <si>
    <t>9967</t>
  </si>
  <si>
    <t>1808000</t>
  </si>
  <si>
    <t>5287</t>
  </si>
  <si>
    <t>04/19/2013 12:00:00 AM</t>
  </si>
  <si>
    <t>5045</t>
  </si>
  <si>
    <t>3020800</t>
  </si>
  <si>
    <t>20355</t>
  </si>
  <si>
    <t>2924</t>
  </si>
  <si>
    <t>21624</t>
  </si>
  <si>
    <t>15442</t>
  </si>
  <si>
    <t>9185</t>
  </si>
  <si>
    <t>3374</t>
  </si>
  <si>
    <t>04/18/2013 12:00:00 AM</t>
  </si>
  <si>
    <t>49400</t>
  </si>
  <si>
    <t>12065</t>
  </si>
  <si>
    <t>12810</t>
  </si>
  <si>
    <t>04/17/2013 12:00:00 AM</t>
  </si>
  <si>
    <t>2892</t>
  </si>
  <si>
    <t>04/16/2013 12:00:00 AM</t>
  </si>
  <si>
    <t>70300</t>
  </si>
  <si>
    <t>523000</t>
  </si>
  <si>
    <t>13200</t>
  </si>
  <si>
    <t>7884</t>
  </si>
  <si>
    <t>04/15/2013 12:00:00 AM</t>
  </si>
  <si>
    <t>12225</t>
  </si>
  <si>
    <t>2628</t>
  </si>
  <si>
    <t>3880</t>
  </si>
  <si>
    <t>1974360</t>
  </si>
  <si>
    <t>3037</t>
  </si>
  <si>
    <t>5038</t>
  </si>
  <si>
    <t>04/14/2013 12:00:00 AM</t>
  </si>
  <si>
    <t>194700</t>
  </si>
  <si>
    <t>54700</t>
  </si>
  <si>
    <t>4811</t>
  </si>
  <si>
    <t>1804000</t>
  </si>
  <si>
    <t>4646</t>
  </si>
  <si>
    <t>04/13/2013 12:00:00 AM</t>
  </si>
  <si>
    <t>8684</t>
  </si>
  <si>
    <t>14505</t>
  </si>
  <si>
    <t>4408</t>
  </si>
  <si>
    <t>138552</t>
  </si>
  <si>
    <t>04/12/2013 12:00:00 AM</t>
  </si>
  <si>
    <t>10268</t>
  </si>
  <si>
    <t>24072</t>
  </si>
  <si>
    <t>38619</t>
  </si>
  <si>
    <t>3009</t>
  </si>
  <si>
    <t>04/11/2013 12:00:00 AM</t>
  </si>
  <si>
    <t>5948</t>
  </si>
  <si>
    <t>9766</t>
  </si>
  <si>
    <t>368582</t>
  </si>
  <si>
    <t>5254</t>
  </si>
  <si>
    <t>04/10/2013 12:00:00 AM</t>
  </si>
  <si>
    <t>9016</t>
  </si>
  <si>
    <t>3481420</t>
  </si>
  <si>
    <t>810000</t>
  </si>
  <si>
    <t>225240</t>
  </si>
  <si>
    <t>178153</t>
  </si>
  <si>
    <t>04/09/2013 12:00:00 AM</t>
  </si>
  <si>
    <t>20131</t>
  </si>
  <si>
    <t>3406</t>
  </si>
  <si>
    <t>23749</t>
  </si>
  <si>
    <t>7542</t>
  </si>
  <si>
    <t>112622</t>
  </si>
  <si>
    <t>67573</t>
  </si>
  <si>
    <t>58688</t>
  </si>
  <si>
    <t>963000</t>
  </si>
  <si>
    <t>3672000</t>
  </si>
  <si>
    <t>4036</t>
  </si>
  <si>
    <t>12/31/2013 12:00:00 AM</t>
  </si>
  <si>
    <t>4852</t>
  </si>
  <si>
    <t>12/30/2013 12:00:00 AM</t>
  </si>
  <si>
    <t>12/29/2013 12:00:00 AM</t>
  </si>
  <si>
    <t>8997</t>
  </si>
  <si>
    <t>12/28/2013 12:00:00 AM</t>
  </si>
  <si>
    <t>12/27/2013 12:00:00 AM</t>
  </si>
  <si>
    <t>4560</t>
  </si>
  <si>
    <t>12/26/2013 12:00:00 AM</t>
  </si>
  <si>
    <t>86560</t>
  </si>
  <si>
    <t>12/25/2013 12:00:00 AM</t>
  </si>
  <si>
    <t>2922</t>
  </si>
  <si>
    <t>12/24/2013 12:00:00 AM</t>
  </si>
  <si>
    <t>12/23/2013 12:00:00 AM</t>
  </si>
  <si>
    <t>12/22/2013 12:00:00 AM</t>
  </si>
  <si>
    <t>82010</t>
  </si>
  <si>
    <t>25200</t>
  </si>
  <si>
    <t>12/21/2013 12:00:00 AM</t>
  </si>
  <si>
    <t>2553</t>
  </si>
  <si>
    <t>12085</t>
  </si>
  <si>
    <t>922000</t>
  </si>
  <si>
    <t>70294</t>
  </si>
  <si>
    <t>12/20/2013 12:00:00 AM</t>
  </si>
  <si>
    <t>6674</t>
  </si>
  <si>
    <t>11945</t>
  </si>
  <si>
    <t>12/19/2013 12:00:00 AM</t>
  </si>
  <si>
    <t>42740</t>
  </si>
  <si>
    <t>12200</t>
  </si>
  <si>
    <t>43028</t>
  </si>
  <si>
    <t>36788</t>
  </si>
  <si>
    <t>165550</t>
  </si>
  <si>
    <t>12/18/2013 12:00:00 AM</t>
  </si>
  <si>
    <t>12/17/2013 12:00:00 AM</t>
  </si>
  <si>
    <t>45050</t>
  </si>
  <si>
    <t>3356105</t>
  </si>
  <si>
    <t>12/16/2013 12:00:00 AM</t>
  </si>
  <si>
    <t>10362</t>
  </si>
  <si>
    <t>27160</t>
  </si>
  <si>
    <t>40909</t>
  </si>
  <si>
    <t>12/15/2013 12:00:00 AM</t>
  </si>
  <si>
    <t>12/14/2013 12:00:00 AM</t>
  </si>
  <si>
    <t>11308</t>
  </si>
  <si>
    <t>12/13/2013 12:00:00 AM</t>
  </si>
  <si>
    <t>9380</t>
  </si>
  <si>
    <t>5126</t>
  </si>
  <si>
    <t>12/12/2013 12:00:00 AM</t>
  </si>
  <si>
    <t>8577</t>
  </si>
  <si>
    <t>10720</t>
  </si>
  <si>
    <t>12/11/2013 12:00:00 AM</t>
  </si>
  <si>
    <t>13052</t>
  </si>
  <si>
    <t>3114</t>
  </si>
  <si>
    <t>45300</t>
  </si>
  <si>
    <t>444497</t>
  </si>
  <si>
    <t>34062</t>
  </si>
  <si>
    <t>37087</t>
  </si>
  <si>
    <t>1656000</t>
  </si>
  <si>
    <t>12/10/2013 12:00:00 AM</t>
  </si>
  <si>
    <t>70067</t>
  </si>
  <si>
    <t>7978</t>
  </si>
  <si>
    <t>12/09/2013 12:00:00 AM</t>
  </si>
  <si>
    <t>25825</t>
  </si>
  <si>
    <t>12/08/2013 12:00:00 AM</t>
  </si>
  <si>
    <t>2286000</t>
  </si>
  <si>
    <t>12/07/2013 12:00:00 AM</t>
  </si>
  <si>
    <t>3347</t>
  </si>
  <si>
    <t>12/06/2013 12:00:00 AM</t>
  </si>
  <si>
    <t>15760</t>
  </si>
  <si>
    <t>11348</t>
  </si>
  <si>
    <t>780000</t>
  </si>
  <si>
    <t>12/05/2013 12:00:00 AM</t>
  </si>
  <si>
    <t>2858</t>
  </si>
  <si>
    <t>1899</t>
  </si>
  <si>
    <t>12/04/2013 12:00:00 AM</t>
  </si>
  <si>
    <t>6618</t>
  </si>
  <si>
    <t>22745</t>
  </si>
  <si>
    <t>41560</t>
  </si>
  <si>
    <t>11888</t>
  </si>
  <si>
    <t>12/03/2013 12:00:00 AM</t>
  </si>
  <si>
    <t>44811</t>
  </si>
  <si>
    <t>2605000</t>
  </si>
  <si>
    <t>12/02/2013 12:00:00 AM</t>
  </si>
  <si>
    <t>12/01/2013 12:00:00 AM</t>
  </si>
  <si>
    <t>1973000</t>
  </si>
  <si>
    <t>1534</t>
  </si>
  <si>
    <t>11/30/2013 12:00:00 AM</t>
  </si>
  <si>
    <t>195133</t>
  </si>
  <si>
    <t>10397</t>
  </si>
  <si>
    <t>11/29/2013 12:00:00 AM</t>
  </si>
  <si>
    <t>10034</t>
  </si>
  <si>
    <t>33639</t>
  </si>
  <si>
    <t>11/28/2013 12:00:00 AM</t>
  </si>
  <si>
    <t>27083</t>
  </si>
  <si>
    <t>28523</t>
  </si>
  <si>
    <t>140924</t>
  </si>
  <si>
    <t>13473</t>
  </si>
  <si>
    <t>2870</t>
  </si>
  <si>
    <t>77486</t>
  </si>
  <si>
    <t>11/27/2013 12:00:00 AM</t>
  </si>
  <si>
    <t>5510</t>
  </si>
  <si>
    <t>81993</t>
  </si>
  <si>
    <t>11/26/2013 12:00:00 AM</t>
  </si>
  <si>
    <t>19800</t>
  </si>
  <si>
    <t>61500</t>
  </si>
  <si>
    <t>50313</t>
  </si>
  <si>
    <t>11/25/2013 12:00:00 AM</t>
  </si>
  <si>
    <t>53686</t>
  </si>
  <si>
    <t>492000</t>
  </si>
  <si>
    <t>11/24/2013 12:00:00 AM</t>
  </si>
  <si>
    <t>150505</t>
  </si>
  <si>
    <t>12600</t>
  </si>
  <si>
    <t>41750</t>
  </si>
  <si>
    <t>9996</t>
  </si>
  <si>
    <t>6066</t>
  </si>
  <si>
    <t>11/23/2013 12:00:00 AM</t>
  </si>
  <si>
    <t>4750000</t>
  </si>
  <si>
    <t>31732</t>
  </si>
  <si>
    <t>194140</t>
  </si>
  <si>
    <t>171631</t>
  </si>
  <si>
    <t>37247</t>
  </si>
  <si>
    <t>3775</t>
  </si>
  <si>
    <t>11/22/2013 12:00:00 AM</t>
  </si>
  <si>
    <t>4915</t>
  </si>
  <si>
    <t>8990</t>
  </si>
  <si>
    <t>11/21/2013 12:00:00 AM</t>
  </si>
  <si>
    <t>1798000</t>
  </si>
  <si>
    <t>14477</t>
  </si>
  <si>
    <t>11/20/2013 12:00:00 AM</t>
  </si>
  <si>
    <t>11/19/2013 12:00:00 AM</t>
  </si>
  <si>
    <t>9360</t>
  </si>
  <si>
    <t>11/18/2013 12:00:00 AM</t>
  </si>
  <si>
    <t>EL GUACAMAYO</t>
  </si>
  <si>
    <t>7358</t>
  </si>
  <si>
    <t>222000</t>
  </si>
  <si>
    <t>11/17/2013 12:00:00 AM</t>
  </si>
  <si>
    <t>25054</t>
  </si>
  <si>
    <t>2478</t>
  </si>
  <si>
    <t>11/16/2013 12:00:00 AM</t>
  </si>
  <si>
    <t>256256</t>
  </si>
  <si>
    <t>2497</t>
  </si>
  <si>
    <t>6657</t>
  </si>
  <si>
    <t>11/15/2013 12:00:00 AM</t>
  </si>
  <si>
    <t>524000</t>
  </si>
  <si>
    <t>111006</t>
  </si>
  <si>
    <t>4903</t>
  </si>
  <si>
    <t>4019</t>
  </si>
  <si>
    <t>11/14/2013 12:00:00 AM</t>
  </si>
  <si>
    <t>504065</t>
  </si>
  <si>
    <t>9485</t>
  </si>
  <si>
    <t>8220</t>
  </si>
  <si>
    <t>11/13/2013 12:00:00 AM</t>
  </si>
  <si>
    <t>403000</t>
  </si>
  <si>
    <t>6286</t>
  </si>
  <si>
    <t>557000</t>
  </si>
  <si>
    <t>11/12/2013 12:00:00 AM</t>
  </si>
  <si>
    <t>27790</t>
  </si>
  <si>
    <t>20334</t>
  </si>
  <si>
    <t>3693</t>
  </si>
  <si>
    <t>11/11/2013 12:00:00 AM</t>
  </si>
  <si>
    <t>2331</t>
  </si>
  <si>
    <t>31200</t>
  </si>
  <si>
    <t>11/10/2013 12:00:00 AM</t>
  </si>
  <si>
    <t>7543</t>
  </si>
  <si>
    <t>39510</t>
  </si>
  <si>
    <t>1887</t>
  </si>
  <si>
    <t>17193</t>
  </si>
  <si>
    <t>11/09/2013 12:00:00 AM</t>
  </si>
  <si>
    <t>20382</t>
  </si>
  <si>
    <t>4393</t>
  </si>
  <si>
    <t>441720</t>
  </si>
  <si>
    <t>12523</t>
  </si>
  <si>
    <t>11/08/2013 12:00:00 AM</t>
  </si>
  <si>
    <t>3512</t>
  </si>
  <si>
    <t>11680</t>
  </si>
  <si>
    <t>9650</t>
  </si>
  <si>
    <t>17210</t>
  </si>
  <si>
    <t>6462</t>
  </si>
  <si>
    <t>11/07/2013 12:00:00 AM</t>
  </si>
  <si>
    <t>1760000</t>
  </si>
  <si>
    <t>327000</t>
  </si>
  <si>
    <t>31327</t>
  </si>
  <si>
    <t>835250</t>
  </si>
  <si>
    <t>231810</t>
  </si>
  <si>
    <t>11/06/2013 12:00:00 AM</t>
  </si>
  <si>
    <t>9716</t>
  </si>
  <si>
    <t>37536</t>
  </si>
  <si>
    <t>11/05/2013 12:00:00 AM</t>
  </si>
  <si>
    <t>7505</t>
  </si>
  <si>
    <t>11494</t>
  </si>
  <si>
    <t>1559</t>
  </si>
  <si>
    <t>41290</t>
  </si>
  <si>
    <t>15686</t>
  </si>
  <si>
    <t>20811</t>
  </si>
  <si>
    <t>101216</t>
  </si>
  <si>
    <t>01/01/2014 12:00:00 AM</t>
  </si>
  <si>
    <t>15229</t>
  </si>
  <si>
    <t>2926</t>
  </si>
  <si>
    <t>316075</t>
  </si>
  <si>
    <t>01/02/2014 12:00:00 AM</t>
  </si>
  <si>
    <t>01/03/2014 12:00:00 AM</t>
  </si>
  <si>
    <t>1235000</t>
  </si>
  <si>
    <t>01/04/2014 12:00:00 AM</t>
  </si>
  <si>
    <t>170073</t>
  </si>
  <si>
    <t>MEDIO BAUDÓ</t>
  </si>
  <si>
    <t>3061</t>
  </si>
  <si>
    <t>7152</t>
  </si>
  <si>
    <t>01/05/2014 12:00:00 AM</t>
  </si>
  <si>
    <t>1016000</t>
  </si>
  <si>
    <t>01/06/2014 12:00:00 AM</t>
  </si>
  <si>
    <t>2522</t>
  </si>
  <si>
    <t>20022</t>
  </si>
  <si>
    <t>01/07/2014 12:00:00 AM</t>
  </si>
  <si>
    <t>354400</t>
  </si>
  <si>
    <t>01/08/2014 12:00:00 AM</t>
  </si>
  <si>
    <t>25035</t>
  </si>
  <si>
    <t>01/09/2014 12:00:00 AM</t>
  </si>
  <si>
    <t>20700</t>
  </si>
  <si>
    <t>01/10/2014 12:00:00 AM</t>
  </si>
  <si>
    <t>5576</t>
  </si>
  <si>
    <t>6314</t>
  </si>
  <si>
    <t>01/11/2014 12:00:00 AM</t>
  </si>
  <si>
    <t>12266</t>
  </si>
  <si>
    <t>01/12/2014 12:00:00 AM</t>
  </si>
  <si>
    <t>4747</t>
  </si>
  <si>
    <t>01/13/2014 12:00:00 AM</t>
  </si>
  <si>
    <t>7752</t>
  </si>
  <si>
    <t>3939</t>
  </si>
  <si>
    <t>2041</t>
  </si>
  <si>
    <t>01/14/2014 12:00:00 AM</t>
  </si>
  <si>
    <t>71506</t>
  </si>
  <si>
    <t>5517</t>
  </si>
  <si>
    <t>11015</t>
  </si>
  <si>
    <t>01/15/2014 12:00:00 AM</t>
  </si>
  <si>
    <t>96100</t>
  </si>
  <si>
    <t>103765</t>
  </si>
  <si>
    <t>01/16/2014 12:00:00 AM</t>
  </si>
  <si>
    <t>2426</t>
  </si>
  <si>
    <t>11865</t>
  </si>
  <si>
    <t>01/17/2014 12:00:00 AM</t>
  </si>
  <si>
    <t>186000</t>
  </si>
  <si>
    <t>15290</t>
  </si>
  <si>
    <t>2127000</t>
  </si>
  <si>
    <t>12750</t>
  </si>
  <si>
    <t>12530</t>
  </si>
  <si>
    <t>29510</t>
  </si>
  <si>
    <t>22019</t>
  </si>
  <si>
    <t>01/18/2014 12:00:00 AM</t>
  </si>
  <si>
    <t>5133200</t>
  </si>
  <si>
    <t>13160</t>
  </si>
  <si>
    <t>01/19/2014 12:00:00 AM</t>
  </si>
  <si>
    <t>3877</t>
  </si>
  <si>
    <t>7315</t>
  </si>
  <si>
    <t>5139</t>
  </si>
  <si>
    <t>01/20/2014 12:00:00 AM</t>
  </si>
  <si>
    <t>350125</t>
  </si>
  <si>
    <t>1165000</t>
  </si>
  <si>
    <t>105014</t>
  </si>
  <si>
    <t>5453</t>
  </si>
  <si>
    <t>4122</t>
  </si>
  <si>
    <t>01/21/2014 12:00:00 AM</t>
  </si>
  <si>
    <t>58085</t>
  </si>
  <si>
    <t>5382</t>
  </si>
  <si>
    <t>21165</t>
  </si>
  <si>
    <t>01/22/2014 12:00:00 AM</t>
  </si>
  <si>
    <t>500440</t>
  </si>
  <si>
    <t>60152</t>
  </si>
  <si>
    <t>1234000</t>
  </si>
  <si>
    <t>6505</t>
  </si>
  <si>
    <t>1125000</t>
  </si>
  <si>
    <t>4933</t>
  </si>
  <si>
    <t>1363</t>
  </si>
  <si>
    <t>3572</t>
  </si>
  <si>
    <t>11034</t>
  </si>
  <si>
    <t>24222</t>
  </si>
  <si>
    <t>01/23/2014 12:00:00 AM</t>
  </si>
  <si>
    <t>8498</t>
  </si>
  <si>
    <t>8994</t>
  </si>
  <si>
    <t>56391</t>
  </si>
  <si>
    <t>7521</t>
  </si>
  <si>
    <t>2459</t>
  </si>
  <si>
    <t>57200</t>
  </si>
  <si>
    <t>6944</t>
  </si>
  <si>
    <t>31680</t>
  </si>
  <si>
    <t>01/24/2014 12:00:00 AM</t>
  </si>
  <si>
    <t>101407</t>
  </si>
  <si>
    <t>5230</t>
  </si>
  <si>
    <t>7494</t>
  </si>
  <si>
    <t>1758000</t>
  </si>
  <si>
    <t>56805</t>
  </si>
  <si>
    <t>01/25/2014 12:00:00 AM</t>
  </si>
  <si>
    <t>3715</t>
  </si>
  <si>
    <t>150080</t>
  </si>
  <si>
    <t>01/26/2014 12:00:00 AM</t>
  </si>
  <si>
    <t>01/27/2014 12:00:00 AM</t>
  </si>
  <si>
    <t>4534</t>
  </si>
  <si>
    <t>01/28/2014 12:00:00 AM</t>
  </si>
  <si>
    <t>9181</t>
  </si>
  <si>
    <t>5267</t>
  </si>
  <si>
    <t>419051</t>
  </si>
  <si>
    <t>207063</t>
  </si>
  <si>
    <t>20250</t>
  </si>
  <si>
    <t>3998</t>
  </si>
  <si>
    <t>01/29/2014 12:00:00 AM</t>
  </si>
  <si>
    <t>32371</t>
  </si>
  <si>
    <t>7632</t>
  </si>
  <si>
    <t>28245</t>
  </si>
  <si>
    <t>8410</t>
  </si>
  <si>
    <t>56700</t>
  </si>
  <si>
    <t>155800</t>
  </si>
  <si>
    <t>4975</t>
  </si>
  <si>
    <t>9414</t>
  </si>
  <si>
    <t>01/30/2014 12:00:00 AM</t>
  </si>
  <si>
    <t>3508</t>
  </si>
  <si>
    <t>7628</t>
  </si>
  <si>
    <t>GALLERA</t>
  </si>
  <si>
    <t>5055000</t>
  </si>
  <si>
    <t>10435</t>
  </si>
  <si>
    <t>01/31/2014 12:00:00 AM</t>
  </si>
  <si>
    <t>81093</t>
  </si>
  <si>
    <t>2443</t>
  </si>
  <si>
    <t>5248</t>
  </si>
  <si>
    <t>270743</t>
  </si>
  <si>
    <t>13950</t>
  </si>
  <si>
    <t>189020</t>
  </si>
  <si>
    <t>11902</t>
  </si>
  <si>
    <t>11740</t>
  </si>
  <si>
    <t>5134</t>
  </si>
  <si>
    <t>9795</t>
  </si>
  <si>
    <t>02/01/2014 12:00:00 AM</t>
  </si>
  <si>
    <t>6655</t>
  </si>
  <si>
    <t>7341</t>
  </si>
  <si>
    <t>02/02/2014 12:00:00 AM</t>
  </si>
  <si>
    <t>23600</t>
  </si>
  <si>
    <t>8128</t>
  </si>
  <si>
    <t>436000</t>
  </si>
  <si>
    <t>42122</t>
  </si>
  <si>
    <t>02/03/2014 12:00:00 AM</t>
  </si>
  <si>
    <t>4820</t>
  </si>
  <si>
    <t>3002230</t>
  </si>
  <si>
    <t>23048</t>
  </si>
  <si>
    <t>02/04/2014 12:00:00 AM</t>
  </si>
  <si>
    <t>1249</t>
  </si>
  <si>
    <t>77720</t>
  </si>
  <si>
    <t>4247</t>
  </si>
  <si>
    <t>14780</t>
  </si>
  <si>
    <t>10301</t>
  </si>
  <si>
    <t>02/05/2014 12:00:00 AM</t>
  </si>
  <si>
    <t>35058</t>
  </si>
  <si>
    <t>1988000</t>
  </si>
  <si>
    <t>22093</t>
  </si>
  <si>
    <t>11020</t>
  </si>
  <si>
    <t>7881</t>
  </si>
  <si>
    <t>336450</t>
  </si>
  <si>
    <t>20929</t>
  </si>
  <si>
    <t>7796</t>
  </si>
  <si>
    <t>114700</t>
  </si>
  <si>
    <t>14728</t>
  </si>
  <si>
    <t>02/06/2014 12:00:00 AM</t>
  </si>
  <si>
    <t>11721</t>
  </si>
  <si>
    <t>1237</t>
  </si>
  <si>
    <t>68913</t>
  </si>
  <si>
    <t>10118</t>
  </si>
  <si>
    <t>2353000</t>
  </si>
  <si>
    <t>7735</t>
  </si>
  <si>
    <t>28014</t>
  </si>
  <si>
    <t>4976000</t>
  </si>
  <si>
    <t>760040</t>
  </si>
  <si>
    <t>02/07/2014 12:00:00 AM</t>
  </si>
  <si>
    <t>7520</t>
  </si>
  <si>
    <t>4350</t>
  </si>
  <si>
    <t>38060</t>
  </si>
  <si>
    <t>70071</t>
  </si>
  <si>
    <t>2357</t>
  </si>
  <si>
    <t>02/08/2014 12:00:00 AM</t>
  </si>
  <si>
    <t>ESTABLECIMIENTOS SELLADOS</t>
  </si>
  <si>
    <t>6266</t>
  </si>
  <si>
    <t>1944</t>
  </si>
  <si>
    <t>02/09/2014 12:00:00 AM</t>
  </si>
  <si>
    <t>14354</t>
  </si>
  <si>
    <t>367710</t>
  </si>
  <si>
    <t>5029</t>
  </si>
  <si>
    <t>45033</t>
  </si>
  <si>
    <t>2400040</t>
  </si>
  <si>
    <t>27301</t>
  </si>
  <si>
    <t>02/10/2014 12:00:00 AM</t>
  </si>
  <si>
    <t>02/11/2014 12:00:00 AM</t>
  </si>
  <si>
    <t>1406</t>
  </si>
  <si>
    <t>4925</t>
  </si>
  <si>
    <t>336380</t>
  </si>
  <si>
    <t>40010</t>
  </si>
  <si>
    <t>2300047</t>
  </si>
  <si>
    <t>02/12/2014 12:00:00 AM</t>
  </si>
  <si>
    <t>30820</t>
  </si>
  <si>
    <t>6680</t>
  </si>
  <si>
    <t>9732</t>
  </si>
  <si>
    <t>16070</t>
  </si>
  <si>
    <t>02/13/2014 12:00:00 AM</t>
  </si>
  <si>
    <t>13115</t>
  </si>
  <si>
    <t>2841000</t>
  </si>
  <si>
    <t>02/14/2014 12:00:00 AM</t>
  </si>
  <si>
    <t>18520</t>
  </si>
  <si>
    <t>8795</t>
  </si>
  <si>
    <t>25634</t>
  </si>
  <si>
    <t>2831</t>
  </si>
  <si>
    <t>57492</t>
  </si>
  <si>
    <t>02/15/2014 12:00:00 AM</t>
  </si>
  <si>
    <t>108700</t>
  </si>
  <si>
    <t>23300</t>
  </si>
  <si>
    <t>10607</t>
  </si>
  <si>
    <t>57634</t>
  </si>
  <si>
    <t>1090000</t>
  </si>
  <si>
    <t>14270</t>
  </si>
  <si>
    <t>6206</t>
  </si>
  <si>
    <t>02/16/2014 12:00:00 AM</t>
  </si>
  <si>
    <t>02/17/2014 12:00:00 AM</t>
  </si>
  <si>
    <t>143500</t>
  </si>
  <si>
    <t>55212</t>
  </si>
  <si>
    <t>46015</t>
  </si>
  <si>
    <t>3200000</t>
  </si>
  <si>
    <t>02/18/2014 12:00:00 AM</t>
  </si>
  <si>
    <t>956100</t>
  </si>
  <si>
    <t>8347</t>
  </si>
  <si>
    <t>5015</t>
  </si>
  <si>
    <t>14066</t>
  </si>
  <si>
    <t>150500</t>
  </si>
  <si>
    <t>02/19/2014 12:00:00 AM</t>
  </si>
  <si>
    <t>7155</t>
  </si>
  <si>
    <t>43997</t>
  </si>
  <si>
    <t>1000707</t>
  </si>
  <si>
    <t>12958</t>
  </si>
  <si>
    <t>615000</t>
  </si>
  <si>
    <t>18860</t>
  </si>
  <si>
    <t>35006</t>
  </si>
  <si>
    <t>02/20/2014 12:00:00 AM</t>
  </si>
  <si>
    <t>179628</t>
  </si>
  <si>
    <t>38141</t>
  </si>
  <si>
    <t>12140</t>
  </si>
  <si>
    <t>10084</t>
  </si>
  <si>
    <t>1308000</t>
  </si>
  <si>
    <t>02/21/2014 12:00:00 AM</t>
  </si>
  <si>
    <t>8750</t>
  </si>
  <si>
    <t>45162</t>
  </si>
  <si>
    <t>12555</t>
  </si>
  <si>
    <t>02/22/2014 12:00:00 AM</t>
  </si>
  <si>
    <t>2974</t>
  </si>
  <si>
    <t>9272</t>
  </si>
  <si>
    <t>773500</t>
  </si>
  <si>
    <t>21600</t>
  </si>
  <si>
    <t>6273</t>
  </si>
  <si>
    <t>3044</t>
  </si>
  <si>
    <t>02/23/2014 12:00:00 AM</t>
  </si>
  <si>
    <t>9712</t>
  </si>
  <si>
    <t>374000</t>
  </si>
  <si>
    <t>379565</t>
  </si>
  <si>
    <t>02/24/2014 12:00:00 AM</t>
  </si>
  <si>
    <t>10432</t>
  </si>
  <si>
    <t>5765</t>
  </si>
  <si>
    <t>02/25/2014 12:00:00 AM</t>
  </si>
  <si>
    <t>19377</t>
  </si>
  <si>
    <t>98711</t>
  </si>
  <si>
    <t>300008</t>
  </si>
  <si>
    <t>2650000</t>
  </si>
  <si>
    <t>02/26/2014 12:00:00 AM</t>
  </si>
  <si>
    <t>2222</t>
  </si>
  <si>
    <t>14706</t>
  </si>
  <si>
    <t>38856</t>
  </si>
  <si>
    <t>7868</t>
  </si>
  <si>
    <t>72100</t>
  </si>
  <si>
    <t>02/27/2014 12:00:00 AM</t>
  </si>
  <si>
    <t>7040</t>
  </si>
  <si>
    <t>5386</t>
  </si>
  <si>
    <t>64055</t>
  </si>
  <si>
    <t>2848</t>
  </si>
  <si>
    <t>34950</t>
  </si>
  <si>
    <t>2548</t>
  </si>
  <si>
    <t>02/28/2014 12:00:00 AM</t>
  </si>
  <si>
    <t>70330</t>
  </si>
  <si>
    <t>1362273</t>
  </si>
  <si>
    <t>4734000</t>
  </si>
  <si>
    <t>6184</t>
  </si>
  <si>
    <t>3262</t>
  </si>
  <si>
    <t>3330</t>
  </si>
  <si>
    <t>03/01/2014 12:00:00 AM</t>
  </si>
  <si>
    <t>80316</t>
  </si>
  <si>
    <t>03/02/2014 12:00:00 AM</t>
  </si>
  <si>
    <t>03/03/2014 12:00:00 AM</t>
  </si>
  <si>
    <t>4043</t>
  </si>
  <si>
    <t>6335</t>
  </si>
  <si>
    <t>3843</t>
  </si>
  <si>
    <t>03/04/2014 12:00:00 AM</t>
  </si>
  <si>
    <t>40200</t>
  </si>
  <si>
    <t>4770</t>
  </si>
  <si>
    <t>72010</t>
  </si>
  <si>
    <t>1727</t>
  </si>
  <si>
    <t>4023900</t>
  </si>
  <si>
    <t>03/05/2014 12:00:00 AM</t>
  </si>
  <si>
    <t>7382</t>
  </si>
  <si>
    <t>2619</t>
  </si>
  <si>
    <t>7534</t>
  </si>
  <si>
    <t>80600</t>
  </si>
  <si>
    <t>5553000</t>
  </si>
  <si>
    <t>03/06/2014 12:00:00 AM</t>
  </si>
  <si>
    <t>2332000</t>
  </si>
  <si>
    <t>16688</t>
  </si>
  <si>
    <t>36958</t>
  </si>
  <si>
    <t>137828</t>
  </si>
  <si>
    <t>10915</t>
  </si>
  <si>
    <t>03/07/2014 12:00:00 AM</t>
  </si>
  <si>
    <t>10650</t>
  </si>
  <si>
    <t>12580</t>
  </si>
  <si>
    <t>16468</t>
  </si>
  <si>
    <t>6796</t>
  </si>
  <si>
    <t>10066</t>
  </si>
  <si>
    <t>03/08/2014 12:00:00 AM</t>
  </si>
  <si>
    <t>1525000</t>
  </si>
  <si>
    <t>493000</t>
  </si>
  <si>
    <t>3614</t>
  </si>
  <si>
    <t>12988</t>
  </si>
  <si>
    <t>200113</t>
  </si>
  <si>
    <t>03/09/2014 12:00:00 AM</t>
  </si>
  <si>
    <t>03/10/2014 12:00:00 AM</t>
  </si>
  <si>
    <t>2292</t>
  </si>
  <si>
    <t>92800</t>
  </si>
  <si>
    <t>6819</t>
  </si>
  <si>
    <t>1710000</t>
  </si>
  <si>
    <t>03/11/2014 12:00:00 AM</t>
  </si>
  <si>
    <t>6006</t>
  </si>
  <si>
    <t>20060</t>
  </si>
  <si>
    <t>03/12/2014 12:00:00 AM</t>
  </si>
  <si>
    <t>5680</t>
  </si>
  <si>
    <t>7783</t>
  </si>
  <si>
    <t>26989</t>
  </si>
  <si>
    <t>14609</t>
  </si>
  <si>
    <t>03/13/2014 12:00:00 AM</t>
  </si>
  <si>
    <t>8291</t>
  </si>
  <si>
    <t>7185</t>
  </si>
  <si>
    <t>41480</t>
  </si>
  <si>
    <t>26525</t>
  </si>
  <si>
    <t>3580</t>
  </si>
  <si>
    <t>17400</t>
  </si>
  <si>
    <t>03/14/2014 12:00:00 AM</t>
  </si>
  <si>
    <t>154527</t>
  </si>
  <si>
    <t>7454</t>
  </si>
  <si>
    <t>4292</t>
  </si>
  <si>
    <t>84936</t>
  </si>
  <si>
    <t>03/15/2014 12:00:00 AM</t>
  </si>
  <si>
    <t>3696</t>
  </si>
  <si>
    <t>5043</t>
  </si>
  <si>
    <t>6115</t>
  </si>
  <si>
    <t>5039</t>
  </si>
  <si>
    <t>6135</t>
  </si>
  <si>
    <t>03/16/2014 12:00:00 AM</t>
  </si>
  <si>
    <t>29150</t>
  </si>
  <si>
    <t>4118</t>
  </si>
  <si>
    <t>18050</t>
  </si>
  <si>
    <t>03/17/2014 12:00:00 AM</t>
  </si>
  <si>
    <t>1588</t>
  </si>
  <si>
    <t>1723</t>
  </si>
  <si>
    <t>3321</t>
  </si>
  <si>
    <t>23607</t>
  </si>
  <si>
    <t>20830</t>
  </si>
  <si>
    <t>57800</t>
  </si>
  <si>
    <t>11113</t>
  </si>
  <si>
    <t>03/18/2014 12:00:00 AM</t>
  </si>
  <si>
    <t>4593</t>
  </si>
  <si>
    <t>4683</t>
  </si>
  <si>
    <t>8078</t>
  </si>
  <si>
    <t>422920</t>
  </si>
  <si>
    <t>183174</t>
  </si>
  <si>
    <t>03/19/2014 12:00:00 AM</t>
  </si>
  <si>
    <t>9780</t>
  </si>
  <si>
    <t>8335</t>
  </si>
  <si>
    <t>2492</t>
  </si>
  <si>
    <t>12190</t>
  </si>
  <si>
    <t>5361</t>
  </si>
  <si>
    <t>03/20/2014 12:00:00 AM</t>
  </si>
  <si>
    <t>9505</t>
  </si>
  <si>
    <t>4681</t>
  </si>
  <si>
    <t>352000</t>
  </si>
  <si>
    <t>52739</t>
  </si>
  <si>
    <t>240456</t>
  </si>
  <si>
    <t>16270</t>
  </si>
  <si>
    <t>03/21/2014 12:00:00 AM</t>
  </si>
  <si>
    <t>4948</t>
  </si>
  <si>
    <t>43393</t>
  </si>
  <si>
    <t>35025</t>
  </si>
  <si>
    <t>3317</t>
  </si>
  <si>
    <t>10760</t>
  </si>
  <si>
    <t>6430</t>
  </si>
  <si>
    <t>4034</t>
  </si>
  <si>
    <t>03/22/2014 12:00:00 AM</t>
  </si>
  <si>
    <t>3742</t>
  </si>
  <si>
    <t>691380</t>
  </si>
  <si>
    <t>5366</t>
  </si>
  <si>
    <t>18117</t>
  </si>
  <si>
    <t>4765</t>
  </si>
  <si>
    <t>1767</t>
  </si>
  <si>
    <t>03/23/2014 12:00:00 AM</t>
  </si>
  <si>
    <t>3584</t>
  </si>
  <si>
    <t>20558</t>
  </si>
  <si>
    <t>880390</t>
  </si>
  <si>
    <t>03/24/2014 12:00:00 AM</t>
  </si>
  <si>
    <t>8328</t>
  </si>
  <si>
    <t>03/25/2014 12:00:00 AM</t>
  </si>
  <si>
    <t>6344</t>
  </si>
  <si>
    <t>03/26/2014 12:00:00 AM</t>
  </si>
  <si>
    <t>40810</t>
  </si>
  <si>
    <t>27428</t>
  </si>
  <si>
    <t>200404</t>
  </si>
  <si>
    <t>4353</t>
  </si>
  <si>
    <t>2032</t>
  </si>
  <si>
    <t>03/27/2014 12:00:00 AM</t>
  </si>
  <si>
    <t>14683</t>
  </si>
  <si>
    <t>64851</t>
  </si>
  <si>
    <t>54489</t>
  </si>
  <si>
    <t>19173</t>
  </si>
  <si>
    <t>42147</t>
  </si>
  <si>
    <t>18560</t>
  </si>
  <si>
    <t>3015684</t>
  </si>
  <si>
    <t>03/28/2014 12:00:00 AM</t>
  </si>
  <si>
    <t>76173</t>
  </si>
  <si>
    <t>10270</t>
  </si>
  <si>
    <t>8427</t>
  </si>
  <si>
    <t>2011849</t>
  </si>
  <si>
    <t>26710</t>
  </si>
  <si>
    <t>3436</t>
  </si>
  <si>
    <t>12705</t>
  </si>
  <si>
    <t>17446</t>
  </si>
  <si>
    <t>32550</t>
  </si>
  <si>
    <t>17050</t>
  </si>
  <si>
    <t>17101</t>
  </si>
  <si>
    <t>03/29/2014 12:00:00 AM</t>
  </si>
  <si>
    <t>17612</t>
  </si>
  <si>
    <t>30917</t>
  </si>
  <si>
    <t>6832</t>
  </si>
  <si>
    <t>466827</t>
  </si>
  <si>
    <t>2536</t>
  </si>
  <si>
    <t>12655</t>
  </si>
  <si>
    <t>30169</t>
  </si>
  <si>
    <t>31437</t>
  </si>
  <si>
    <t>03/30/2014 12:00:00 AM</t>
  </si>
  <si>
    <t>458608</t>
  </si>
  <si>
    <t>5779</t>
  </si>
  <si>
    <t>27830</t>
  </si>
  <si>
    <t>03/31/2014 12:00:00 AM</t>
  </si>
  <si>
    <t>6384</t>
  </si>
  <si>
    <t>11499</t>
  </si>
  <si>
    <t>2859</t>
  </si>
  <si>
    <t>2540129</t>
  </si>
  <si>
    <t>04/01/2014 12:00:00 AM</t>
  </si>
  <si>
    <t>65005</t>
  </si>
  <si>
    <t>8542</t>
  </si>
  <si>
    <t>4315</t>
  </si>
  <si>
    <t>154107</t>
  </si>
  <si>
    <t>04/02/2014 12:00:00 AM</t>
  </si>
  <si>
    <t>4708</t>
  </si>
  <si>
    <t>4217</t>
  </si>
  <si>
    <t>26703</t>
  </si>
  <si>
    <t>6710</t>
  </si>
  <si>
    <t>5320</t>
  </si>
  <si>
    <t>6232</t>
  </si>
  <si>
    <t>04/03/2014 12:00:00 AM</t>
  </si>
  <si>
    <t>2992</t>
  </si>
  <si>
    <t>29373</t>
  </si>
  <si>
    <t>59617</t>
  </si>
  <si>
    <t>5318</t>
  </si>
  <si>
    <t>233300</t>
  </si>
  <si>
    <t>51600</t>
  </si>
  <si>
    <t>6087</t>
  </si>
  <si>
    <t>5367</t>
  </si>
  <si>
    <t>04/04/2014 12:00:00 AM</t>
  </si>
  <si>
    <t>9861</t>
  </si>
  <si>
    <t>4616</t>
  </si>
  <si>
    <t>11360</t>
  </si>
  <si>
    <t>6426</t>
  </si>
  <si>
    <t>3209</t>
  </si>
  <si>
    <t>04/05/2014 12:00:00 AM</t>
  </si>
  <si>
    <t>79060</t>
  </si>
  <si>
    <t>3667</t>
  </si>
  <si>
    <t>04/06/2014 12:00:00 AM</t>
  </si>
  <si>
    <t>21440</t>
  </si>
  <si>
    <t>694000</t>
  </si>
  <si>
    <t>56218</t>
  </si>
  <si>
    <t>13402</t>
  </si>
  <si>
    <t>04/07/2014 12:00:00 AM</t>
  </si>
  <si>
    <t>4204</t>
  </si>
  <si>
    <t>7085</t>
  </si>
  <si>
    <t>22116</t>
  </si>
  <si>
    <t>04/08/2014 12:00:00 AM</t>
  </si>
  <si>
    <t>6910000</t>
  </si>
  <si>
    <t>9793</t>
  </si>
  <si>
    <t>57580</t>
  </si>
  <si>
    <t>6948</t>
  </si>
  <si>
    <t>1280000</t>
  </si>
  <si>
    <t>265000</t>
  </si>
  <si>
    <t>04/09/2014 12:00:00 AM</t>
  </si>
  <si>
    <t>5109</t>
  </si>
  <si>
    <t>4570</t>
  </si>
  <si>
    <t>14192</t>
  </si>
  <si>
    <t>12019</t>
  </si>
  <si>
    <t>19703</t>
  </si>
  <si>
    <t>04/10/2014 12:00:00 AM</t>
  </si>
  <si>
    <t>5431</t>
  </si>
  <si>
    <t>55450</t>
  </si>
  <si>
    <t>1614</t>
  </si>
  <si>
    <t>2745</t>
  </si>
  <si>
    <t>15840</t>
  </si>
  <si>
    <t>3752</t>
  </si>
  <si>
    <t>110370</t>
  </si>
  <si>
    <t>04/11/2014 12:00:00 AM</t>
  </si>
  <si>
    <t>6451</t>
  </si>
  <si>
    <t>8546</t>
  </si>
  <si>
    <t>15746</t>
  </si>
  <si>
    <t>658000</t>
  </si>
  <si>
    <t>12770</t>
  </si>
  <si>
    <t>26133</t>
  </si>
  <si>
    <t>71040</t>
  </si>
  <si>
    <t>12689</t>
  </si>
  <si>
    <t>9962</t>
  </si>
  <si>
    <t>21003</t>
  </si>
  <si>
    <t>04/12/2014 12:00:00 AM</t>
  </si>
  <si>
    <t>99875</t>
  </si>
  <si>
    <t>384000</t>
  </si>
  <si>
    <t>5650</t>
  </si>
  <si>
    <t>30053</t>
  </si>
  <si>
    <t>04/13/2014 12:00:00 AM</t>
  </si>
  <si>
    <t>2877000</t>
  </si>
  <si>
    <t>1186072</t>
  </si>
  <si>
    <t>2878</t>
  </si>
  <si>
    <t>220120</t>
  </si>
  <si>
    <t>SAN JUANITO</t>
  </si>
  <si>
    <t>35800</t>
  </si>
  <si>
    <t>04/14/2014 12:00:00 AM</t>
  </si>
  <si>
    <t>17160</t>
  </si>
  <si>
    <t>25250</t>
  </si>
  <si>
    <t>04/15/2014 12:00:00 AM</t>
  </si>
  <si>
    <t>2467</t>
  </si>
  <si>
    <t>13876</t>
  </si>
  <si>
    <t>4306</t>
  </si>
  <si>
    <t>04/16/2014 12:00:00 AM</t>
  </si>
  <si>
    <t>6079</t>
  </si>
  <si>
    <t>2873</t>
  </si>
  <si>
    <t>1716</t>
  </si>
  <si>
    <t>04/17/2014 12:00:00 AM</t>
  </si>
  <si>
    <t>4448</t>
  </si>
  <si>
    <t>3092</t>
  </si>
  <si>
    <t>2496</t>
  </si>
  <si>
    <t>04/18/2014 12:00:00 AM</t>
  </si>
  <si>
    <t>04/19/2014 12:00:00 AM</t>
  </si>
  <si>
    <t>04/20/2014 12:00:00 AM</t>
  </si>
  <si>
    <t>1779492</t>
  </si>
  <si>
    <t>04/21/2014 12:00:00 AM</t>
  </si>
  <si>
    <t>04/22/2014 12:00:00 AM</t>
  </si>
  <si>
    <t>2057800</t>
  </si>
  <si>
    <t>2350000</t>
  </si>
  <si>
    <t>04/23/2014 12:00:00 AM</t>
  </si>
  <si>
    <t>2512</t>
  </si>
  <si>
    <t>1397</t>
  </si>
  <si>
    <t>7164</t>
  </si>
  <si>
    <t>04/24/2014 12:00:00 AM</t>
  </si>
  <si>
    <t>6248</t>
  </si>
  <si>
    <t>53385</t>
  </si>
  <si>
    <t>5457</t>
  </si>
  <si>
    <t>3571</t>
  </si>
  <si>
    <t>5710</t>
  </si>
  <si>
    <t>1706</t>
  </si>
  <si>
    <t>3134</t>
  </si>
  <si>
    <t>4004</t>
  </si>
  <si>
    <t>8254</t>
  </si>
  <si>
    <t>04/25/2014 12:00:00 AM</t>
  </si>
  <si>
    <t>5727</t>
  </si>
  <si>
    <t>14195</t>
  </si>
  <si>
    <t>04/26/2014 12:00:00 AM</t>
  </si>
  <si>
    <t>2169</t>
  </si>
  <si>
    <t>54090</t>
  </si>
  <si>
    <t>04/27/2014 12:00:00 AM</t>
  </si>
  <si>
    <t>15463</t>
  </si>
  <si>
    <t>221457</t>
  </si>
  <si>
    <t>9023</t>
  </si>
  <si>
    <t>30002</t>
  </si>
  <si>
    <t>04/28/2014 12:00:00 AM</t>
  </si>
  <si>
    <t>13880</t>
  </si>
  <si>
    <t>04/29/2014 12:00:00 AM</t>
  </si>
  <si>
    <t>1449</t>
  </si>
  <si>
    <t>17474</t>
  </si>
  <si>
    <t>143000</t>
  </si>
  <si>
    <t>29698</t>
  </si>
  <si>
    <t>11317</t>
  </si>
  <si>
    <t>220047</t>
  </si>
  <si>
    <t>TARAIRA</t>
  </si>
  <si>
    <t>04/30/2014 12:00:00 AM</t>
  </si>
  <si>
    <t>3971</t>
  </si>
  <si>
    <t>277000</t>
  </si>
  <si>
    <t>11115</t>
  </si>
  <si>
    <t>2323000</t>
  </si>
  <si>
    <t>21250</t>
  </si>
  <si>
    <t>3993</t>
  </si>
  <si>
    <t>05/01/2014 12:00:00 AM</t>
  </si>
  <si>
    <t>8065</t>
  </si>
  <si>
    <t>14291</t>
  </si>
  <si>
    <t>4475</t>
  </si>
  <si>
    <t>6849</t>
  </si>
  <si>
    <t>4802</t>
  </si>
  <si>
    <t>05/02/2014 12:00:00 AM</t>
  </si>
  <si>
    <t>91840</t>
  </si>
  <si>
    <t>78338</t>
  </si>
  <si>
    <t>67378</t>
  </si>
  <si>
    <t>2648</t>
  </si>
  <si>
    <t>78535</t>
  </si>
  <si>
    <t>64675</t>
  </si>
  <si>
    <t>1178000</t>
  </si>
  <si>
    <t>05/03/2014 12:00:00 AM</t>
  </si>
  <si>
    <t>4564</t>
  </si>
  <si>
    <t>14187</t>
  </si>
  <si>
    <t>213800</t>
  </si>
  <si>
    <t>200040</t>
  </si>
  <si>
    <t>05/04/2014 12:00:00 AM</t>
  </si>
  <si>
    <t>4620</t>
  </si>
  <si>
    <t>1883</t>
  </si>
  <si>
    <t>2486</t>
  </si>
  <si>
    <t>05/05/2014 12:00:00 AM</t>
  </si>
  <si>
    <t>2586</t>
  </si>
  <si>
    <t>512500</t>
  </si>
  <si>
    <t>05/06/2014 12:00:00 AM</t>
  </si>
  <si>
    <t>31926</t>
  </si>
  <si>
    <t>8446</t>
  </si>
  <si>
    <t>05/07/2014 12:00:00 AM</t>
  </si>
  <si>
    <t>8950</t>
  </si>
  <si>
    <t>6683</t>
  </si>
  <si>
    <t>14806</t>
  </si>
  <si>
    <t>05/08/2014 12:00:00 AM</t>
  </si>
  <si>
    <t>5996</t>
  </si>
  <si>
    <t>12071</t>
  </si>
  <si>
    <t>13270</t>
  </si>
  <si>
    <t>188000</t>
  </si>
  <si>
    <t>11012</t>
  </si>
  <si>
    <t>23082</t>
  </si>
  <si>
    <t>427000</t>
  </si>
  <si>
    <t>05/09/2014 12:00:00 AM</t>
  </si>
  <si>
    <t>287513</t>
  </si>
  <si>
    <t>2962</t>
  </si>
  <si>
    <t>05/10/2014 12:00:00 AM</t>
  </si>
  <si>
    <t>307000</t>
  </si>
  <si>
    <t>LABRANZAGRANDE</t>
  </si>
  <si>
    <t>9764</t>
  </si>
  <si>
    <t>3398</t>
  </si>
  <si>
    <t>56045</t>
  </si>
  <si>
    <t>05/11/2014 12:00:00 AM</t>
  </si>
  <si>
    <t>05/12/2014 12:00:00 AM</t>
  </si>
  <si>
    <t>5154</t>
  </si>
  <si>
    <t>96392</t>
  </si>
  <si>
    <t>05/13/2014 12:00:00 AM</t>
  </si>
  <si>
    <t>VIGÍA DEL FUERTE</t>
  </si>
  <si>
    <t>5334</t>
  </si>
  <si>
    <t>38503</t>
  </si>
  <si>
    <t>2832</t>
  </si>
  <si>
    <t>16018</t>
  </si>
  <si>
    <t>05/14/2014 12:00:00 AM</t>
  </si>
  <si>
    <t>5293</t>
  </si>
  <si>
    <t>94369</t>
  </si>
  <si>
    <t>5141</t>
  </si>
  <si>
    <t>156437</t>
  </si>
  <si>
    <t>480153</t>
  </si>
  <si>
    <t>10886</t>
  </si>
  <si>
    <t>900009</t>
  </si>
  <si>
    <t>5748</t>
  </si>
  <si>
    <t>05/15/2014 12:00:00 AM</t>
  </si>
  <si>
    <t>1942</t>
  </si>
  <si>
    <t>3338</t>
  </si>
  <si>
    <t>97490</t>
  </si>
  <si>
    <t>1953</t>
  </si>
  <si>
    <t>31525</t>
  </si>
  <si>
    <t>63280</t>
  </si>
  <si>
    <t>13850</t>
  </si>
  <si>
    <t>30523</t>
  </si>
  <si>
    <t>121824</t>
  </si>
  <si>
    <t>05/16/2014 12:00:00 AM</t>
  </si>
  <si>
    <t>37893</t>
  </si>
  <si>
    <t>4356</t>
  </si>
  <si>
    <t>2398504</t>
  </si>
  <si>
    <t>7734</t>
  </si>
  <si>
    <t>225580</t>
  </si>
  <si>
    <t>4184</t>
  </si>
  <si>
    <t>168388</t>
  </si>
  <si>
    <t>65223</t>
  </si>
  <si>
    <t>23404</t>
  </si>
  <si>
    <t>05/17/2014 12:00:00 AM</t>
  </si>
  <si>
    <t>52003</t>
  </si>
  <si>
    <t>10169</t>
  </si>
  <si>
    <t>10288</t>
  </si>
  <si>
    <t>1429549</t>
  </si>
  <si>
    <t>05/18/2014 12:00:00 AM</t>
  </si>
  <si>
    <t>2999</t>
  </si>
  <si>
    <t>22090</t>
  </si>
  <si>
    <t>10067</t>
  </si>
  <si>
    <t>8438</t>
  </si>
  <si>
    <t>05/19/2014 12:00:00 AM</t>
  </si>
  <si>
    <t>4474</t>
  </si>
  <si>
    <t>272544</t>
  </si>
  <si>
    <t>2317</t>
  </si>
  <si>
    <t>05/20/2014 12:00:00 AM</t>
  </si>
  <si>
    <t>1762</t>
  </si>
  <si>
    <t>38064</t>
  </si>
  <si>
    <t>14411</t>
  </si>
  <si>
    <t>9574</t>
  </si>
  <si>
    <t>172429</t>
  </si>
  <si>
    <t>05/21/2014 12:00:00 AM</t>
  </si>
  <si>
    <t>53892</t>
  </si>
  <si>
    <t>119694</t>
  </si>
  <si>
    <t>3756</t>
  </si>
  <si>
    <t>5347</t>
  </si>
  <si>
    <t>31065</t>
  </si>
  <si>
    <t>3438</t>
  </si>
  <si>
    <t>1982800</t>
  </si>
  <si>
    <t>05/22/2014 12:00:00 AM</t>
  </si>
  <si>
    <t>12505</t>
  </si>
  <si>
    <t>53559</t>
  </si>
  <si>
    <t>198000</t>
  </si>
  <si>
    <t>2383000</t>
  </si>
  <si>
    <t>4949</t>
  </si>
  <si>
    <t>05/23/2014 12:00:00 AM</t>
  </si>
  <si>
    <t>15051</t>
  </si>
  <si>
    <t>4967</t>
  </si>
  <si>
    <t>5877</t>
  </si>
  <si>
    <t>3498</t>
  </si>
  <si>
    <t>13393</t>
  </si>
  <si>
    <t>12165</t>
  </si>
  <si>
    <t>385000</t>
  </si>
  <si>
    <t>1457</t>
  </si>
  <si>
    <t>05/24/2014 12:00:00 AM</t>
  </si>
  <si>
    <t>58428</t>
  </si>
  <si>
    <t>6105</t>
  </si>
  <si>
    <t>30705</t>
  </si>
  <si>
    <t>05/25/2014 12:00:00 AM</t>
  </si>
  <si>
    <t>05/26/2014 12:00:00 AM</t>
  </si>
  <si>
    <t>2162</t>
  </si>
  <si>
    <t>434000</t>
  </si>
  <si>
    <t>1739</t>
  </si>
  <si>
    <t>22070</t>
  </si>
  <si>
    <t>05/27/2014 12:00:00 AM</t>
  </si>
  <si>
    <t>3886</t>
  </si>
  <si>
    <t>20071</t>
  </si>
  <si>
    <t>3424</t>
  </si>
  <si>
    <t>6424</t>
  </si>
  <si>
    <t>19445</t>
  </si>
  <si>
    <t>67870</t>
  </si>
  <si>
    <t>05/28/2014 12:00:00 AM</t>
  </si>
  <si>
    <t>2587</t>
  </si>
  <si>
    <t>23071</t>
  </si>
  <si>
    <t>23615</t>
  </si>
  <si>
    <t>9477</t>
  </si>
  <si>
    <t>10082</t>
  </si>
  <si>
    <t>357080</t>
  </si>
  <si>
    <t>26900</t>
  </si>
  <si>
    <t>101400</t>
  </si>
  <si>
    <t>184000</t>
  </si>
  <si>
    <t>17270</t>
  </si>
  <si>
    <t>6070</t>
  </si>
  <si>
    <t>05/29/2014 12:00:00 AM</t>
  </si>
  <si>
    <t>3342</t>
  </si>
  <si>
    <t>3682</t>
  </si>
  <si>
    <t>5063</t>
  </si>
  <si>
    <t>40094</t>
  </si>
  <si>
    <t>05/30/2014 12:00:00 AM</t>
  </si>
  <si>
    <t>5244</t>
  </si>
  <si>
    <t>15272</t>
  </si>
  <si>
    <t>3173</t>
  </si>
  <si>
    <t>05/31/2014 12:00:00 AM</t>
  </si>
  <si>
    <t>2534</t>
  </si>
  <si>
    <t>4497</t>
  </si>
  <si>
    <t>06/01/2014 12:00:00 AM</t>
  </si>
  <si>
    <t>19681</t>
  </si>
  <si>
    <t>8960</t>
  </si>
  <si>
    <t>06/02/2014 12:00:00 AM</t>
  </si>
  <si>
    <t>91602</t>
  </si>
  <si>
    <t>150025</t>
  </si>
  <si>
    <t>24790</t>
  </si>
  <si>
    <t>06/03/2014 12:00:00 AM</t>
  </si>
  <si>
    <t>16581</t>
  </si>
  <si>
    <t>3056</t>
  </si>
  <si>
    <t>06/04/2014 12:00:00 AM</t>
  </si>
  <si>
    <t>15784</t>
  </si>
  <si>
    <t>06/05/2014 12:00:00 AM</t>
  </si>
  <si>
    <t>4862</t>
  </si>
  <si>
    <t>64510</t>
  </si>
  <si>
    <t>810790</t>
  </si>
  <si>
    <t>252634</t>
  </si>
  <si>
    <t>8073</t>
  </si>
  <si>
    <t>62224</t>
  </si>
  <si>
    <t>26423</t>
  </si>
  <si>
    <t>06/06/2014 12:00:00 AM</t>
  </si>
  <si>
    <t>2203</t>
  </si>
  <si>
    <t>14172</t>
  </si>
  <si>
    <t>80844</t>
  </si>
  <si>
    <t>11604</t>
  </si>
  <si>
    <t>10012</t>
  </si>
  <si>
    <t>3007</t>
  </si>
  <si>
    <t>06/07/2014 12:00:00 AM</t>
  </si>
  <si>
    <t>27335</t>
  </si>
  <si>
    <t>75680</t>
  </si>
  <si>
    <t>37850</t>
  </si>
  <si>
    <t>17017</t>
  </si>
  <si>
    <t>58079</t>
  </si>
  <si>
    <t>06/08/2014 12:00:00 AM</t>
  </si>
  <si>
    <t>3923</t>
  </si>
  <si>
    <t>7319</t>
  </si>
  <si>
    <t>5291</t>
  </si>
  <si>
    <t>3365</t>
  </si>
  <si>
    <t>5175</t>
  </si>
  <si>
    <t>06/09/2014 12:00:00 AM</t>
  </si>
  <si>
    <t>6737</t>
  </si>
  <si>
    <t>27603</t>
  </si>
  <si>
    <t>06/10/2014 12:00:00 AM</t>
  </si>
  <si>
    <t>4022</t>
  </si>
  <si>
    <t>69234</t>
  </si>
  <si>
    <t>281000</t>
  </si>
  <si>
    <t>06/11/2014 12:00:00 AM</t>
  </si>
  <si>
    <t>PARQ NAL. NATURAL CORD. DE LOS PICACHOS</t>
  </si>
  <si>
    <t>5993</t>
  </si>
  <si>
    <t>6756</t>
  </si>
  <si>
    <t>3525</t>
  </si>
  <si>
    <t>06/12/2014 12:00:00 AM</t>
  </si>
  <si>
    <t>15588</t>
  </si>
  <si>
    <t>15180</t>
  </si>
  <si>
    <t>06/13/2014 12:00:00 AM</t>
  </si>
  <si>
    <t>3288</t>
  </si>
  <si>
    <t>6024</t>
  </si>
  <si>
    <t>12448</t>
  </si>
  <si>
    <t>06/14/2014 12:00:00 AM</t>
  </si>
  <si>
    <t>06/15/2014 12:00:00 AM</t>
  </si>
  <si>
    <t>3713</t>
  </si>
  <si>
    <t>06/16/2014 12:00:00 AM</t>
  </si>
  <si>
    <t>90336</t>
  </si>
  <si>
    <t>06/17/2014 12:00:00 AM</t>
  </si>
  <si>
    <t>10346</t>
  </si>
  <si>
    <t>3319</t>
  </si>
  <si>
    <t>8466</t>
  </si>
  <si>
    <t>06/18/2014 12:00:00 AM</t>
  </si>
  <si>
    <t>7558</t>
  </si>
  <si>
    <t>33186</t>
  </si>
  <si>
    <t>9334</t>
  </si>
  <si>
    <t>36390</t>
  </si>
  <si>
    <t>14215</t>
  </si>
  <si>
    <t>06/19/2014 12:00:00 AM</t>
  </si>
  <si>
    <t>20242</t>
  </si>
  <si>
    <t>9897</t>
  </si>
  <si>
    <t>23110</t>
  </si>
  <si>
    <t>06/20/2014 12:00:00 AM</t>
  </si>
  <si>
    <t>3495</t>
  </si>
  <si>
    <t>3827</t>
  </si>
  <si>
    <t>20051</t>
  </si>
  <si>
    <t>06/21/2014 12:00:00 AM</t>
  </si>
  <si>
    <t>126735</t>
  </si>
  <si>
    <t>13065</t>
  </si>
  <si>
    <t>06/22/2014 12:00:00 AM</t>
  </si>
  <si>
    <t>5641</t>
  </si>
  <si>
    <t>06/23/2014 12:00:00 AM</t>
  </si>
  <si>
    <t>392225</t>
  </si>
  <si>
    <t>1636</t>
  </si>
  <si>
    <t>7435</t>
  </si>
  <si>
    <t>31585</t>
  </si>
  <si>
    <t>9010</t>
  </si>
  <si>
    <t>06/24/2014 12:00:00 AM</t>
  </si>
  <si>
    <t>174470</t>
  </si>
  <si>
    <t>06/25/2014 12:00:00 AM</t>
  </si>
  <si>
    <t>28700</t>
  </si>
  <si>
    <t>19621</t>
  </si>
  <si>
    <t>67523</t>
  </si>
  <si>
    <t>06/26/2014 12:00:00 AM</t>
  </si>
  <si>
    <t>146040</t>
  </si>
  <si>
    <t>06/27/2014 12:00:00 AM</t>
  </si>
  <si>
    <t>69710</t>
  </si>
  <si>
    <t>26173</t>
  </si>
  <si>
    <t>25582</t>
  </si>
  <si>
    <t>06/28/2014 12:00:00 AM</t>
  </si>
  <si>
    <t>5999</t>
  </si>
  <si>
    <t>23530</t>
  </si>
  <si>
    <t>06/29/2014 12:00:00 AM</t>
  </si>
  <si>
    <t>48700</t>
  </si>
  <si>
    <t>06/30/2014 12:00:00 AM</t>
  </si>
  <si>
    <t>10219</t>
  </si>
  <si>
    <t>63544</t>
  </si>
  <si>
    <t>244000</t>
  </si>
  <si>
    <t>07/01/2014 12:00:00 AM</t>
  </si>
  <si>
    <t>34855</t>
  </si>
  <si>
    <t>30112</t>
  </si>
  <si>
    <t>07/02/2014 12:00:00 AM</t>
  </si>
  <si>
    <t>07/03/2014 12:00:00 AM</t>
  </si>
  <si>
    <t>7284</t>
  </si>
  <si>
    <t>37800</t>
  </si>
  <si>
    <t>2049</t>
  </si>
  <si>
    <t>14903</t>
  </si>
  <si>
    <t>389880</t>
  </si>
  <si>
    <t>6062</t>
  </si>
  <si>
    <t>2099</t>
  </si>
  <si>
    <t>07/04/2014 12:00:00 AM</t>
  </si>
  <si>
    <t>204900</t>
  </si>
  <si>
    <t>3267</t>
  </si>
  <si>
    <t>4890</t>
  </si>
  <si>
    <t>07/05/2014 12:00:00 AM</t>
  </si>
  <si>
    <t>340830</t>
  </si>
  <si>
    <t>30099</t>
  </si>
  <si>
    <t>6107</t>
  </si>
  <si>
    <t>2533</t>
  </si>
  <si>
    <t>07/06/2014 12:00:00 AM</t>
  </si>
  <si>
    <t>985000</t>
  </si>
  <si>
    <t>07/07/2014 12:00:00 AM</t>
  </si>
  <si>
    <t>55135</t>
  </si>
  <si>
    <t>5033</t>
  </si>
  <si>
    <t>5500000</t>
  </si>
  <si>
    <t>07/08/2014 12:00:00 AM</t>
  </si>
  <si>
    <t>4325</t>
  </si>
  <si>
    <t>546000</t>
  </si>
  <si>
    <t>7808</t>
  </si>
  <si>
    <t>9145</t>
  </si>
  <si>
    <t>07/09/2014 12:00:00 AM</t>
  </si>
  <si>
    <t>8572</t>
  </si>
  <si>
    <t>12125</t>
  </si>
  <si>
    <t>104043</t>
  </si>
  <si>
    <t>66486</t>
  </si>
  <si>
    <t>07/10/2014 12:00:00 AM</t>
  </si>
  <si>
    <t>51034</t>
  </si>
  <si>
    <t>266000</t>
  </si>
  <si>
    <t>1969</t>
  </si>
  <si>
    <t>3283</t>
  </si>
  <si>
    <t>137349</t>
  </si>
  <si>
    <t>07/11/2014 12:00:00 AM</t>
  </si>
  <si>
    <t>21480</t>
  </si>
  <si>
    <t>13217</t>
  </si>
  <si>
    <t>3707</t>
  </si>
  <si>
    <t>576000</t>
  </si>
  <si>
    <t>10225</t>
  </si>
  <si>
    <t>199600</t>
  </si>
  <si>
    <t>07/12/2014 12:00:00 AM</t>
  </si>
  <si>
    <t>6407</t>
  </si>
  <si>
    <t>682320</t>
  </si>
  <si>
    <t>CENTROS RELIGIOSOS</t>
  </si>
  <si>
    <t>3560</t>
  </si>
  <si>
    <t>180226</t>
  </si>
  <si>
    <t>1669</t>
  </si>
  <si>
    <t>07/13/2014 12:00:00 AM</t>
  </si>
  <si>
    <t>8876</t>
  </si>
  <si>
    <t>48060</t>
  </si>
  <si>
    <t>PARQUE NACIONAL NATURAL AMACAYACU</t>
  </si>
  <si>
    <t>1824</t>
  </si>
  <si>
    <t>5093</t>
  </si>
  <si>
    <t>07/14/2014 12:00:00 AM</t>
  </si>
  <si>
    <t>12128</t>
  </si>
  <si>
    <t>3879</t>
  </si>
  <si>
    <t>1110000</t>
  </si>
  <si>
    <t>1904000</t>
  </si>
  <si>
    <t>07/15/2014 12:00:00 AM</t>
  </si>
  <si>
    <t>30039</t>
  </si>
  <si>
    <t>2941</t>
  </si>
  <si>
    <t>07/16/2014 12:00:00 AM</t>
  </si>
  <si>
    <t>1399</t>
  </si>
  <si>
    <t>40950</t>
  </si>
  <si>
    <t>620527</t>
  </si>
  <si>
    <t>6992</t>
  </si>
  <si>
    <t>1811000</t>
  </si>
  <si>
    <t>458000</t>
  </si>
  <si>
    <t>07/17/2014 12:00:00 AM</t>
  </si>
  <si>
    <t>23087</t>
  </si>
  <si>
    <t>13581</t>
  </si>
  <si>
    <t>07/18/2014 12:00:00 AM</t>
  </si>
  <si>
    <t>7902</t>
  </si>
  <si>
    <t>9190</t>
  </si>
  <si>
    <t>502000</t>
  </si>
  <si>
    <t>9720</t>
  </si>
  <si>
    <t>07/19/2014 12:00:00 AM</t>
  </si>
  <si>
    <t>20070</t>
  </si>
  <si>
    <t>18005</t>
  </si>
  <si>
    <t>7492</t>
  </si>
  <si>
    <t>4033</t>
  </si>
  <si>
    <t>07/20/2014 12:00:00 AM</t>
  </si>
  <si>
    <t>2577</t>
  </si>
  <si>
    <t>94600</t>
  </si>
  <si>
    <t>16015</t>
  </si>
  <si>
    <t>07/21/2014 12:00:00 AM</t>
  </si>
  <si>
    <t>2711</t>
  </si>
  <si>
    <t>59850</t>
  </si>
  <si>
    <t>1802570</t>
  </si>
  <si>
    <t>07/22/2014 12:00:00 AM</t>
  </si>
  <si>
    <t>367880</t>
  </si>
  <si>
    <t>7159</t>
  </si>
  <si>
    <t>9644</t>
  </si>
  <si>
    <t>07/23/2014 12:00:00 AM</t>
  </si>
  <si>
    <t>23237</t>
  </si>
  <si>
    <t>137955</t>
  </si>
  <si>
    <t>6103</t>
  </si>
  <si>
    <t>43027</t>
  </si>
  <si>
    <t>TRAPICHE/MOLINO</t>
  </si>
  <si>
    <t>20318</t>
  </si>
  <si>
    <t>07/24/2014 12:00:00 AM</t>
  </si>
  <si>
    <t>5802</t>
  </si>
  <si>
    <t>105495</t>
  </si>
  <si>
    <t>238040</t>
  </si>
  <si>
    <t>TURMEQUÉ</t>
  </si>
  <si>
    <t>07/25/2014 12:00:00 AM</t>
  </si>
  <si>
    <t>42152</t>
  </si>
  <si>
    <t>2216</t>
  </si>
  <si>
    <t>14580</t>
  </si>
  <si>
    <t>151065</t>
  </si>
  <si>
    <t>512018</t>
  </si>
  <si>
    <t>19100</t>
  </si>
  <si>
    <t>11412</t>
  </si>
  <si>
    <t>30748</t>
  </si>
  <si>
    <t>07/26/2014 12:00:00 AM</t>
  </si>
  <si>
    <t>3467</t>
  </si>
  <si>
    <t>5657</t>
  </si>
  <si>
    <t>07/27/2014 12:00:00 AM</t>
  </si>
  <si>
    <t>3732</t>
  </si>
  <si>
    <t>33750</t>
  </si>
  <si>
    <t>15018</t>
  </si>
  <si>
    <t>07/28/2014 12:00:00 AM</t>
  </si>
  <si>
    <t>8793</t>
  </si>
  <si>
    <t>4052</t>
  </si>
  <si>
    <t>3388</t>
  </si>
  <si>
    <t>679500</t>
  </si>
  <si>
    <t>10110</t>
  </si>
  <si>
    <t>2514</t>
  </si>
  <si>
    <t>07/29/2014 12:00:00 AM</t>
  </si>
  <si>
    <t>1555000</t>
  </si>
  <si>
    <t>PARQUE NAL. NAT. COMPL. VOLC. D. JUANA</t>
  </si>
  <si>
    <t>4813</t>
  </si>
  <si>
    <t>5523</t>
  </si>
  <si>
    <t>1464</t>
  </si>
  <si>
    <t>58124</t>
  </si>
  <si>
    <t>4623</t>
  </si>
  <si>
    <t>07/30/2014 12:00:00 AM</t>
  </si>
  <si>
    <t>353894</t>
  </si>
  <si>
    <t>3788</t>
  </si>
  <si>
    <t>24675</t>
  </si>
  <si>
    <t>07/31/2014 12:00:00 AM</t>
  </si>
  <si>
    <t>13240</t>
  </si>
  <si>
    <t>8392</t>
  </si>
  <si>
    <t>4901</t>
  </si>
  <si>
    <t>63987</t>
  </si>
  <si>
    <t>165115</t>
  </si>
  <si>
    <t>BOSQUES</t>
  </si>
  <si>
    <t>3204</t>
  </si>
  <si>
    <t>4226</t>
  </si>
  <si>
    <t>8076</t>
  </si>
  <si>
    <t>3000270</t>
  </si>
  <si>
    <t>08/01/2014 12:00:00 AM</t>
  </si>
  <si>
    <t>6620</t>
  </si>
  <si>
    <t>3348</t>
  </si>
  <si>
    <t>08/02/2014 12:00:00 AM</t>
  </si>
  <si>
    <t>42130</t>
  </si>
  <si>
    <t>3692</t>
  </si>
  <si>
    <t>10139</t>
  </si>
  <si>
    <t>1570000</t>
  </si>
  <si>
    <t>21905</t>
  </si>
  <si>
    <t>08/03/2014 12:00:00 AM</t>
  </si>
  <si>
    <t>37370</t>
  </si>
  <si>
    <t>08/04/2014 12:00:00 AM</t>
  </si>
  <si>
    <t>160700</t>
  </si>
  <si>
    <t>14987</t>
  </si>
  <si>
    <t>72349</t>
  </si>
  <si>
    <t>08/05/2014 12:00:00 AM</t>
  </si>
  <si>
    <t>118724</t>
  </si>
  <si>
    <t>486000</t>
  </si>
  <si>
    <t>64214</t>
  </si>
  <si>
    <t>52670</t>
  </si>
  <si>
    <t>11450</t>
  </si>
  <si>
    <t>08/06/2014 12:00:00 AM</t>
  </si>
  <si>
    <t>18280</t>
  </si>
  <si>
    <t>102100</t>
  </si>
  <si>
    <t>18386</t>
  </si>
  <si>
    <t>5269</t>
  </si>
  <si>
    <t>30028</t>
  </si>
  <si>
    <t>08/07/2014 12:00:00 AM</t>
  </si>
  <si>
    <t>56348</t>
  </si>
  <si>
    <t>136442</t>
  </si>
  <si>
    <t>2609</t>
  </si>
  <si>
    <t>1831</t>
  </si>
  <si>
    <t>08/08/2014 12:00:00 AM</t>
  </si>
  <si>
    <t>6386</t>
  </si>
  <si>
    <t>1345000</t>
  </si>
  <si>
    <t>7366</t>
  </si>
  <si>
    <t>08/09/2014 12:00:00 AM</t>
  </si>
  <si>
    <t>131500</t>
  </si>
  <si>
    <t>5102</t>
  </si>
  <si>
    <t>08/10/2014 12:00:00 AM</t>
  </si>
  <si>
    <t>08/11/2014 12:00:00 AM</t>
  </si>
  <si>
    <t>6146</t>
  </si>
  <si>
    <t>08/12/2014 12:00:00 AM</t>
  </si>
  <si>
    <t>1106400</t>
  </si>
  <si>
    <t>5296</t>
  </si>
  <si>
    <t>2324</t>
  </si>
  <si>
    <t>75142</t>
  </si>
  <si>
    <t>3654</t>
  </si>
  <si>
    <t>29452</t>
  </si>
  <si>
    <t>08/13/2014 12:00:00 AM</t>
  </si>
  <si>
    <t>12404</t>
  </si>
  <si>
    <t>7835</t>
  </si>
  <si>
    <t>2407000</t>
  </si>
  <si>
    <t>08/14/2014 12:00:00 AM</t>
  </si>
  <si>
    <t>3943</t>
  </si>
  <si>
    <t>82400</t>
  </si>
  <si>
    <t>5645</t>
  </si>
  <si>
    <t>62933</t>
  </si>
  <si>
    <t>75108</t>
  </si>
  <si>
    <t>13597</t>
  </si>
  <si>
    <t>341195</t>
  </si>
  <si>
    <t>08/15/2014 12:00:00 AM</t>
  </si>
  <si>
    <t>2012</t>
  </si>
  <si>
    <t>08/16/2014 12:00:00 AM</t>
  </si>
  <si>
    <t>3697</t>
  </si>
  <si>
    <t>4331</t>
  </si>
  <si>
    <t>7961</t>
  </si>
  <si>
    <t>49619</t>
  </si>
  <si>
    <t>08/17/2014 12:00:00 AM</t>
  </si>
  <si>
    <t>10350</t>
  </si>
  <si>
    <t>08/18/2014 12:00:00 AM</t>
  </si>
  <si>
    <t>23478</t>
  </si>
  <si>
    <t>10900</t>
  </si>
  <si>
    <t>08/19/2014 12:00:00 AM</t>
  </si>
  <si>
    <t>97067</t>
  </si>
  <si>
    <t>112321</t>
  </si>
  <si>
    <t>2306</t>
  </si>
  <si>
    <t>08/20/2014 12:00:00 AM</t>
  </si>
  <si>
    <t>59600</t>
  </si>
  <si>
    <t>4814</t>
  </si>
  <si>
    <t>9806</t>
  </si>
  <si>
    <t>6815</t>
  </si>
  <si>
    <t>08/21/2014 12:00:00 AM</t>
  </si>
  <si>
    <t>1788</t>
  </si>
  <si>
    <t>4676</t>
  </si>
  <si>
    <t>08/22/2014 12:00:00 AM</t>
  </si>
  <si>
    <t>118632</t>
  </si>
  <si>
    <t>957315</t>
  </si>
  <si>
    <t>08/23/2014 12:00:00 AM</t>
  </si>
  <si>
    <t>24086</t>
  </si>
  <si>
    <t>08/24/2014 12:00:00 AM</t>
  </si>
  <si>
    <t>7104</t>
  </si>
  <si>
    <t>08/25/2014 12:00:00 AM</t>
  </si>
  <si>
    <t>52705</t>
  </si>
  <si>
    <t>101425</t>
  </si>
  <si>
    <t>980040</t>
  </si>
  <si>
    <t>6776</t>
  </si>
  <si>
    <t>6731</t>
  </si>
  <si>
    <t>342151</t>
  </si>
  <si>
    <t>19894</t>
  </si>
  <si>
    <t>6048</t>
  </si>
  <si>
    <t>14963</t>
  </si>
  <si>
    <t>08/26/2014 12:00:00 AM</t>
  </si>
  <si>
    <t>31563</t>
  </si>
  <si>
    <t>14080</t>
  </si>
  <si>
    <t>106900</t>
  </si>
  <si>
    <t>5187</t>
  </si>
  <si>
    <t>79092</t>
  </si>
  <si>
    <t>17300</t>
  </si>
  <si>
    <t>13447</t>
  </si>
  <si>
    <t>08/27/2014 12:00:00 AM</t>
  </si>
  <si>
    <t>73252</t>
  </si>
  <si>
    <t>10515</t>
  </si>
  <si>
    <t>8064</t>
  </si>
  <si>
    <t>08/28/2014 12:00:00 AM</t>
  </si>
  <si>
    <t>70225</t>
  </si>
  <si>
    <t>12265</t>
  </si>
  <si>
    <t>3078</t>
  </si>
  <si>
    <t>15316</t>
  </si>
  <si>
    <t>13732</t>
  </si>
  <si>
    <t>268930</t>
  </si>
  <si>
    <t>08/29/2014 12:00:00 AM</t>
  </si>
  <si>
    <t>29778</t>
  </si>
  <si>
    <t>6265</t>
  </si>
  <si>
    <t>263500</t>
  </si>
  <si>
    <t>2076</t>
  </si>
  <si>
    <t>84685</t>
  </si>
  <si>
    <t>21995</t>
  </si>
  <si>
    <t>08/30/2014 12:00:00 AM</t>
  </si>
  <si>
    <t>88380</t>
  </si>
  <si>
    <t>24776</t>
  </si>
  <si>
    <t>47310</t>
  </si>
  <si>
    <t>48053</t>
  </si>
  <si>
    <t>08/31/2014 12:00:00 AM</t>
  </si>
  <si>
    <t>873000</t>
  </si>
  <si>
    <t>09/01/2014 12:00:00 AM</t>
  </si>
  <si>
    <t>2939</t>
  </si>
  <si>
    <t>09/02/2014 12:00:00 AM</t>
  </si>
  <si>
    <t>4553</t>
  </si>
  <si>
    <t>14345</t>
  </si>
  <si>
    <t>3794</t>
  </si>
  <si>
    <t>5405</t>
  </si>
  <si>
    <t>8460</t>
  </si>
  <si>
    <t>479005</t>
  </si>
  <si>
    <t>09/03/2014 12:00:00 AM</t>
  </si>
  <si>
    <t>2800000</t>
  </si>
  <si>
    <t>15450</t>
  </si>
  <si>
    <t>22808</t>
  </si>
  <si>
    <t>17778</t>
  </si>
  <si>
    <t>9361</t>
  </si>
  <si>
    <t>10296</t>
  </si>
  <si>
    <t>3916</t>
  </si>
  <si>
    <t>6495</t>
  </si>
  <si>
    <t>25053</t>
  </si>
  <si>
    <t>09/04/2014 12:00:00 AM</t>
  </si>
  <si>
    <t>32363</t>
  </si>
  <si>
    <t>7545</t>
  </si>
  <si>
    <t>415000</t>
  </si>
  <si>
    <t>5237</t>
  </si>
  <si>
    <t>09/05/2014 12:00:00 AM</t>
  </si>
  <si>
    <t>1958</t>
  </si>
  <si>
    <t>95978</t>
  </si>
  <si>
    <t>3990</t>
  </si>
  <si>
    <t>1579000</t>
  </si>
  <si>
    <t>40823</t>
  </si>
  <si>
    <t>3601</t>
  </si>
  <si>
    <t>9594</t>
  </si>
  <si>
    <t>6501</t>
  </si>
  <si>
    <t>50010</t>
  </si>
  <si>
    <t>09/06/2014 12:00:00 AM</t>
  </si>
  <si>
    <t>310008</t>
  </si>
  <si>
    <t>134180</t>
  </si>
  <si>
    <t>3026000</t>
  </si>
  <si>
    <t>21502</t>
  </si>
  <si>
    <t>09/07/2014 12:00:00 AM</t>
  </si>
  <si>
    <t>ONZAGA</t>
  </si>
  <si>
    <t>17078</t>
  </si>
  <si>
    <t>09/08/2014 12:00:00 AM</t>
  </si>
  <si>
    <t>740000</t>
  </si>
  <si>
    <t>21215</t>
  </si>
  <si>
    <t>09/09/2014 12:00:00 AM</t>
  </si>
  <si>
    <t>4701</t>
  </si>
  <si>
    <t>1463000</t>
  </si>
  <si>
    <t>11168</t>
  </si>
  <si>
    <t>88338</t>
  </si>
  <si>
    <t>18002</t>
  </si>
  <si>
    <t>09/10/2014 12:00:00 AM</t>
  </si>
  <si>
    <t>8360</t>
  </si>
  <si>
    <t>87544</t>
  </si>
  <si>
    <t>17655</t>
  </si>
  <si>
    <t>35051</t>
  </si>
  <si>
    <t>300010</t>
  </si>
  <si>
    <t>09/11/2014 12:00:00 AM</t>
  </si>
  <si>
    <t>7255</t>
  </si>
  <si>
    <t>32963</t>
  </si>
  <si>
    <t>51040</t>
  </si>
  <si>
    <t>7231</t>
  </si>
  <si>
    <t>09/12/2014 12:00:00 AM</t>
  </si>
  <si>
    <t>21394</t>
  </si>
  <si>
    <t>12711</t>
  </si>
  <si>
    <t>09/13/2014 12:00:00 AM</t>
  </si>
  <si>
    <t>6161</t>
  </si>
  <si>
    <t>1530000</t>
  </si>
  <si>
    <t>09/14/2014 12:00:00 AM</t>
  </si>
  <si>
    <t>43005</t>
  </si>
  <si>
    <t>35115</t>
  </si>
  <si>
    <t>JESÚS MARÍA</t>
  </si>
  <si>
    <t>09/15/2014 12:00:00 AM</t>
  </si>
  <si>
    <t>9864</t>
  </si>
  <si>
    <t>09/16/2014 12:00:00 AM</t>
  </si>
  <si>
    <t>5803</t>
  </si>
  <si>
    <t>3266</t>
  </si>
  <si>
    <t>22380</t>
  </si>
  <si>
    <t>09/17/2014 12:00:00 AM</t>
  </si>
  <si>
    <t>8110</t>
  </si>
  <si>
    <t>14282</t>
  </si>
  <si>
    <t>13670</t>
  </si>
  <si>
    <t>09/18/2014 12:00:00 AM</t>
  </si>
  <si>
    <t>30436</t>
  </si>
  <si>
    <t>119546</t>
  </si>
  <si>
    <t>09/19/2014 12:00:00 AM</t>
  </si>
  <si>
    <t>11632</t>
  </si>
  <si>
    <t>17980</t>
  </si>
  <si>
    <t>66269</t>
  </si>
  <si>
    <t>09/20/2014 12:00:00 AM</t>
  </si>
  <si>
    <t>1259</t>
  </si>
  <si>
    <t>09/21/2014 12:00:00 AM</t>
  </si>
  <si>
    <t>13110</t>
  </si>
  <si>
    <t>09/22/2014 12:00:00 AM</t>
  </si>
  <si>
    <t>2141</t>
  </si>
  <si>
    <t>3126</t>
  </si>
  <si>
    <t>11469</t>
  </si>
  <si>
    <t>GAMBITA</t>
  </si>
  <si>
    <t>09/23/2014 12:00:00 AM</t>
  </si>
  <si>
    <t>24830</t>
  </si>
  <si>
    <t>14833</t>
  </si>
  <si>
    <t>2447</t>
  </si>
  <si>
    <t>7406</t>
  </si>
  <si>
    <t>09/24/2014 12:00:00 AM</t>
  </si>
  <si>
    <t>2857</t>
  </si>
  <si>
    <t>42179</t>
  </si>
  <si>
    <t>09/25/2014 12:00:00 AM</t>
  </si>
  <si>
    <t>6912</t>
  </si>
  <si>
    <t>12060</t>
  </si>
  <si>
    <t>2018</t>
  </si>
  <si>
    <t>13515</t>
  </si>
  <si>
    <t>4732</t>
  </si>
  <si>
    <t>09/26/2014 12:00:00 AM</t>
  </si>
  <si>
    <t>500040</t>
  </si>
  <si>
    <t>25740</t>
  </si>
  <si>
    <t>4966</t>
  </si>
  <si>
    <t>09/27/2014 12:00:00 AM</t>
  </si>
  <si>
    <t>682000</t>
  </si>
  <si>
    <t>39885</t>
  </si>
  <si>
    <t>10530</t>
  </si>
  <si>
    <t>09/28/2014 12:00:00 AM</t>
  </si>
  <si>
    <t>23790</t>
  </si>
  <si>
    <t>33759</t>
  </si>
  <si>
    <t>09/29/2014 12:00:00 AM</t>
  </si>
  <si>
    <t>830000</t>
  </si>
  <si>
    <t>09/30/2014 12:00:00 AM</t>
  </si>
  <si>
    <t>4478</t>
  </si>
  <si>
    <t>2461</t>
  </si>
  <si>
    <t>3137</t>
  </si>
  <si>
    <t>3549</t>
  </si>
  <si>
    <t>10/01/2014 12:00:00 AM</t>
  </si>
  <si>
    <t>7198</t>
  </si>
  <si>
    <t>12850</t>
  </si>
  <si>
    <t>411050</t>
  </si>
  <si>
    <t>157000</t>
  </si>
  <si>
    <t>10/02/2014 12:00:00 AM</t>
  </si>
  <si>
    <t>9870</t>
  </si>
  <si>
    <t>6097</t>
  </si>
  <si>
    <t>6536</t>
  </si>
  <si>
    <t>17030</t>
  </si>
  <si>
    <t>10008</t>
  </si>
  <si>
    <t>6551</t>
  </si>
  <si>
    <t>33586</t>
  </si>
  <si>
    <t>15350</t>
  </si>
  <si>
    <t>10/03/2014 12:00:00 AM</t>
  </si>
  <si>
    <t>16396</t>
  </si>
  <si>
    <t>9822</t>
  </si>
  <si>
    <t>10576</t>
  </si>
  <si>
    <t>13621</t>
  </si>
  <si>
    <t>2952</t>
  </si>
  <si>
    <t>10/04/2014 12:00:00 AM</t>
  </si>
  <si>
    <t>10/05/2014 12:00:00 AM</t>
  </si>
  <si>
    <t>54650</t>
  </si>
  <si>
    <t>489000</t>
  </si>
  <si>
    <t>14954</t>
  </si>
  <si>
    <t>10/06/2014 12:00:00 AM</t>
  </si>
  <si>
    <t>5837</t>
  </si>
  <si>
    <t>10/07/2014 12:00:00 AM</t>
  </si>
  <si>
    <t>103220</t>
  </si>
  <si>
    <t>13995</t>
  </si>
  <si>
    <t>8648</t>
  </si>
  <si>
    <t>4583</t>
  </si>
  <si>
    <t>10/08/2014 12:00:00 AM</t>
  </si>
  <si>
    <t>35539</t>
  </si>
  <si>
    <t>17096</t>
  </si>
  <si>
    <t>25032</t>
  </si>
  <si>
    <t>10/09/2014 12:00:00 AM</t>
  </si>
  <si>
    <t>12320</t>
  </si>
  <si>
    <t>56120</t>
  </si>
  <si>
    <t>10/10/2014 12:00:00 AM</t>
  </si>
  <si>
    <t>4344</t>
  </si>
  <si>
    <t>657000</t>
  </si>
  <si>
    <t>28497</t>
  </si>
  <si>
    <t>10/11/2014 12:00:00 AM</t>
  </si>
  <si>
    <t>51184</t>
  </si>
  <si>
    <t>6821</t>
  </si>
  <si>
    <t>10/12/2014 12:00:00 AM</t>
  </si>
  <si>
    <t>10/13/2014 12:00:00 AM</t>
  </si>
  <si>
    <t>2792</t>
  </si>
  <si>
    <t>44362</t>
  </si>
  <si>
    <t>19430</t>
  </si>
  <si>
    <t>10/14/2014 12:00:00 AM</t>
  </si>
  <si>
    <t>8024</t>
  </si>
  <si>
    <t>2279</t>
  </si>
  <si>
    <t>59725</t>
  </si>
  <si>
    <t>10/15/2014 12:00:00 AM</t>
  </si>
  <si>
    <t>77015</t>
  </si>
  <si>
    <t>1014000</t>
  </si>
  <si>
    <t>263300</t>
  </si>
  <si>
    <t>10/16/2014 12:00:00 AM</t>
  </si>
  <si>
    <t>7526</t>
  </si>
  <si>
    <t>4558</t>
  </si>
  <si>
    <t>10/17/2014 12:00:00 AM</t>
  </si>
  <si>
    <t>1685000</t>
  </si>
  <si>
    <t>10/18/2014 12:00:00 AM</t>
  </si>
  <si>
    <t>55037</t>
  </si>
  <si>
    <t>19031</t>
  </si>
  <si>
    <t>10/19/2014 12:00:00 AM</t>
  </si>
  <si>
    <t>4886</t>
  </si>
  <si>
    <t>102079</t>
  </si>
  <si>
    <t>566000</t>
  </si>
  <si>
    <t>1897000</t>
  </si>
  <si>
    <t>7262</t>
  </si>
  <si>
    <t>3182</t>
  </si>
  <si>
    <t>10/20/2014 12:00:00 AM</t>
  </si>
  <si>
    <t>1738</t>
  </si>
  <si>
    <t>60018</t>
  </si>
  <si>
    <t>1342000</t>
  </si>
  <si>
    <t>60328</t>
  </si>
  <si>
    <t>60530</t>
  </si>
  <si>
    <t>10/21/2014 12:00:00 AM</t>
  </si>
  <si>
    <t>3832</t>
  </si>
  <si>
    <t>72054</t>
  </si>
  <si>
    <t>26325</t>
  </si>
  <si>
    <t>20082</t>
  </si>
  <si>
    <t>10/22/2014 12:00:00 AM</t>
  </si>
  <si>
    <t>7207</t>
  </si>
  <si>
    <t>10/23/2014 12:00:00 AM</t>
  </si>
  <si>
    <t>1848</t>
  </si>
  <si>
    <t>1791455</t>
  </si>
  <si>
    <t>710006</t>
  </si>
  <si>
    <t>10/24/2014 12:00:00 AM</t>
  </si>
  <si>
    <t>4743</t>
  </si>
  <si>
    <t>11956</t>
  </si>
  <si>
    <t>6986</t>
  </si>
  <si>
    <t>9586</t>
  </si>
  <si>
    <t>29810</t>
  </si>
  <si>
    <t>10/25/2014 12:00:00 AM</t>
  </si>
  <si>
    <t>308000</t>
  </si>
  <si>
    <t>13644</t>
  </si>
  <si>
    <t>10/26/2014 12:00:00 AM</t>
  </si>
  <si>
    <t>6166</t>
  </si>
  <si>
    <t>10/27/2014 12:00:00 AM</t>
  </si>
  <si>
    <t>80200</t>
  </si>
  <si>
    <t>10/28/2014 12:00:00 AM</t>
  </si>
  <si>
    <t>12740</t>
  </si>
  <si>
    <t>11124</t>
  </si>
  <si>
    <t>SIERRA NEVADA DE SANTA MARTA</t>
  </si>
  <si>
    <t>10/29/2014 12:00:00 AM</t>
  </si>
  <si>
    <t>289320</t>
  </si>
  <si>
    <t>42700</t>
  </si>
  <si>
    <t>29301</t>
  </si>
  <si>
    <t>16276</t>
  </si>
  <si>
    <t>61750</t>
  </si>
  <si>
    <t>3176</t>
  </si>
  <si>
    <t>10/30/2014 12:00:00 AM</t>
  </si>
  <si>
    <t>15240</t>
  </si>
  <si>
    <t>34696</t>
  </si>
  <si>
    <t>121184</t>
  </si>
  <si>
    <t>13616</t>
  </si>
  <si>
    <t>10/31/2014 12:00:00 AM</t>
  </si>
  <si>
    <t>PARQUE NAL. NATURAL ISLA DE SALAMANCA</t>
  </si>
  <si>
    <t>78300</t>
  </si>
  <si>
    <t>11/01/2014 12:00:00 AM</t>
  </si>
  <si>
    <t>57153</t>
  </si>
  <si>
    <t>11/02/2014 12:00:00 AM</t>
  </si>
  <si>
    <t>2180000</t>
  </si>
  <si>
    <t>3809000</t>
  </si>
  <si>
    <t>11/03/2014 12:00:00 AM</t>
  </si>
  <si>
    <t>52030</t>
  </si>
  <si>
    <t>19965</t>
  </si>
  <si>
    <t>11/04/2014 12:00:00 AM</t>
  </si>
  <si>
    <t>14980</t>
  </si>
  <si>
    <t>11176</t>
  </si>
  <si>
    <t>94929</t>
  </si>
  <si>
    <t>11/05/2014 12:00:00 AM</t>
  </si>
  <si>
    <t>2557000</t>
  </si>
  <si>
    <t>3254</t>
  </si>
  <si>
    <t>146570</t>
  </si>
  <si>
    <t>11/06/2014 12:00:00 AM</t>
  </si>
  <si>
    <t>5004</t>
  </si>
  <si>
    <t>132404</t>
  </si>
  <si>
    <t>11/07/2014 12:00:00 AM</t>
  </si>
  <si>
    <t>132460</t>
  </si>
  <si>
    <t>740150</t>
  </si>
  <si>
    <t>3876</t>
  </si>
  <si>
    <t>28240</t>
  </si>
  <si>
    <t>11/08/2014 12:00:00 AM</t>
  </si>
  <si>
    <t>3489</t>
  </si>
  <si>
    <t>325065</t>
  </si>
  <si>
    <t>11/09/2014 12:00:00 AM</t>
  </si>
  <si>
    <t>21669</t>
  </si>
  <si>
    <t>11/10/2014 12:00:00 AM</t>
  </si>
  <si>
    <t>138950</t>
  </si>
  <si>
    <t>95100</t>
  </si>
  <si>
    <t>75750</t>
  </si>
  <si>
    <t>11/11/2014 12:00:00 AM</t>
  </si>
  <si>
    <t>62987</t>
  </si>
  <si>
    <t>12046</t>
  </si>
  <si>
    <t>8798</t>
  </si>
  <si>
    <t>2120000</t>
  </si>
  <si>
    <t>116030</t>
  </si>
  <si>
    <t>7352</t>
  </si>
  <si>
    <t>11/12/2014 12:00:00 AM</t>
  </si>
  <si>
    <t>48008</t>
  </si>
  <si>
    <t>61100</t>
  </si>
  <si>
    <t>9905</t>
  </si>
  <si>
    <t>11/13/2014 12:00:00 AM</t>
  </si>
  <si>
    <t>3314</t>
  </si>
  <si>
    <t>5951</t>
  </si>
  <si>
    <t>BOJAYÁ</t>
  </si>
  <si>
    <t>476000</t>
  </si>
  <si>
    <t>16678</t>
  </si>
  <si>
    <t>10129</t>
  </si>
  <si>
    <t>11/14/2014 12:00:00 AM</t>
  </si>
  <si>
    <t>25526</t>
  </si>
  <si>
    <t>351010</t>
  </si>
  <si>
    <t>9436</t>
  </si>
  <si>
    <t>15598</t>
  </si>
  <si>
    <t>11/15/2014 12:00:00 AM</t>
  </si>
  <si>
    <t>6117</t>
  </si>
  <si>
    <t>11/16/2014 12:00:00 AM</t>
  </si>
  <si>
    <t>11/17/2014 12:00:00 AM</t>
  </si>
  <si>
    <t>80400</t>
  </si>
  <si>
    <t>31905</t>
  </si>
  <si>
    <t>42240</t>
  </si>
  <si>
    <t>7396</t>
  </si>
  <si>
    <t>11/18/2014 12:00:00 AM</t>
  </si>
  <si>
    <t>2913</t>
  </si>
  <si>
    <t>11/19/2014 12:00:00 AM</t>
  </si>
  <si>
    <t>480356</t>
  </si>
  <si>
    <t>472493</t>
  </si>
  <si>
    <t>11/20/2014 12:00:00 AM</t>
  </si>
  <si>
    <t>11770</t>
  </si>
  <si>
    <t>MINA</t>
  </si>
  <si>
    <t>911000</t>
  </si>
  <si>
    <t>55578</t>
  </si>
  <si>
    <t>584000</t>
  </si>
  <si>
    <t>11/21/2014 12:00:00 AM</t>
  </si>
  <si>
    <t>37981</t>
  </si>
  <si>
    <t>17080</t>
  </si>
  <si>
    <t>85880</t>
  </si>
  <si>
    <t>6679</t>
  </si>
  <si>
    <t>3493</t>
  </si>
  <si>
    <t>18800</t>
  </si>
  <si>
    <t>11/22/2014 12:00:00 AM</t>
  </si>
  <si>
    <t>2266</t>
  </si>
  <si>
    <t>40258</t>
  </si>
  <si>
    <t>11/23/2014 12:00:00 AM</t>
  </si>
  <si>
    <t>7912</t>
  </si>
  <si>
    <t>11/24/2014 12:00:00 AM</t>
  </si>
  <si>
    <t>9081</t>
  </si>
  <si>
    <t>11/25/2014 12:00:00 AM</t>
  </si>
  <si>
    <t>332000</t>
  </si>
  <si>
    <t>36710</t>
  </si>
  <si>
    <t>11/26/2014 12:00:00 AM</t>
  </si>
  <si>
    <t>PARQ NAL. NATURAL CUEVA DE LOS GUACHARON</t>
  </si>
  <si>
    <t>16273</t>
  </si>
  <si>
    <t>15110</t>
  </si>
  <si>
    <t>11/27/2014 12:00:00 AM</t>
  </si>
  <si>
    <t>4881</t>
  </si>
  <si>
    <t>19582</t>
  </si>
  <si>
    <t>4760</t>
  </si>
  <si>
    <t>98732</t>
  </si>
  <si>
    <t>11/28/2014 12:00:00 AM</t>
  </si>
  <si>
    <t>100691</t>
  </si>
  <si>
    <t>211983</t>
  </si>
  <si>
    <t>116968</t>
  </si>
  <si>
    <t>99404</t>
  </si>
  <si>
    <t>11/29/2014 12:00:00 AM</t>
  </si>
  <si>
    <t>14607</t>
  </si>
  <si>
    <t>2502</t>
  </si>
  <si>
    <t>14645</t>
  </si>
  <si>
    <t>11/30/2014 12:00:00 AM</t>
  </si>
  <si>
    <t>663960</t>
  </si>
  <si>
    <t>65461</t>
  </si>
  <si>
    <t>88711</t>
  </si>
  <si>
    <t>93500</t>
  </si>
  <si>
    <t>12/01/2014 12:00:00 AM</t>
  </si>
  <si>
    <t>16978</t>
  </si>
  <si>
    <t>201600</t>
  </si>
  <si>
    <t>12/02/2014 12:00:00 AM</t>
  </si>
  <si>
    <t>67574</t>
  </si>
  <si>
    <t>2519</t>
  </si>
  <si>
    <t>26180</t>
  </si>
  <si>
    <t>12/03/2014 12:00:00 AM</t>
  </si>
  <si>
    <t>1415000</t>
  </si>
  <si>
    <t>62215</t>
  </si>
  <si>
    <t>151660</t>
  </si>
  <si>
    <t>12/04/2014 12:00:00 AM</t>
  </si>
  <si>
    <t>17853</t>
  </si>
  <si>
    <t>321320</t>
  </si>
  <si>
    <t>288000</t>
  </si>
  <si>
    <t>9725</t>
  </si>
  <si>
    <t>12/05/2014 12:00:00 AM</t>
  </si>
  <si>
    <t>59550</t>
  </si>
  <si>
    <t>148104</t>
  </si>
  <si>
    <t>12/06/2014 12:00:00 AM</t>
  </si>
  <si>
    <t>684000</t>
  </si>
  <si>
    <t>12/07/2014 12:00:00 AM</t>
  </si>
  <si>
    <t>85140</t>
  </si>
  <si>
    <t>20089</t>
  </si>
  <si>
    <t>22316</t>
  </si>
  <si>
    <t>19084</t>
  </si>
  <si>
    <t>12/08/2014 12:00:00 AM</t>
  </si>
  <si>
    <t>946588</t>
  </si>
  <si>
    <t>24306</t>
  </si>
  <si>
    <t>141000</t>
  </si>
  <si>
    <t>12/09/2014 12:00:00 AM</t>
  </si>
  <si>
    <t>45480</t>
  </si>
  <si>
    <t>12/10/2014 12:00:00 AM</t>
  </si>
  <si>
    <t>6004</t>
  </si>
  <si>
    <t>36724</t>
  </si>
  <si>
    <t>9212</t>
  </si>
  <si>
    <t>8060</t>
  </si>
  <si>
    <t>12/11/2014 12:00:00 AM</t>
  </si>
  <si>
    <t>9140</t>
  </si>
  <si>
    <t>24236</t>
  </si>
  <si>
    <t>12/12/2014 12:00:00 AM</t>
  </si>
  <si>
    <t>12/13/2014 12:00:00 AM</t>
  </si>
  <si>
    <t>763422</t>
  </si>
  <si>
    <t>12/14/2014 12:00:00 AM</t>
  </si>
  <si>
    <t>12/15/2014 12:00:00 AM</t>
  </si>
  <si>
    <t>1411</t>
  </si>
  <si>
    <t>12/16/2014 12:00:00 AM</t>
  </si>
  <si>
    <t>1916</t>
  </si>
  <si>
    <t>1809000</t>
  </si>
  <si>
    <t>12/17/2014 12:00:00 AM</t>
  </si>
  <si>
    <t>65284</t>
  </si>
  <si>
    <t>72511</t>
  </si>
  <si>
    <t>13930</t>
  </si>
  <si>
    <t>10981</t>
  </si>
  <si>
    <t>13245</t>
  </si>
  <si>
    <t>12/18/2014 12:00:00 AM</t>
  </si>
  <si>
    <t>9472</t>
  </si>
  <si>
    <t>3696000</t>
  </si>
  <si>
    <t>12/19/2014 12:00:00 AM</t>
  </si>
  <si>
    <t>4479</t>
  </si>
  <si>
    <t>2596</t>
  </si>
  <si>
    <t>12/20/2014 12:00:00 AM</t>
  </si>
  <si>
    <t>12741</t>
  </si>
  <si>
    <t>12/21/2014 12:00:00 AM</t>
  </si>
  <si>
    <t>16800</t>
  </si>
  <si>
    <t>24030</t>
  </si>
  <si>
    <t>12/22/2014 12:00:00 AM</t>
  </si>
  <si>
    <t>160500</t>
  </si>
  <si>
    <t>1365000</t>
  </si>
  <si>
    <t>60947</t>
  </si>
  <si>
    <t>3958</t>
  </si>
  <si>
    <t>12/23/2014 12:00:00 AM</t>
  </si>
  <si>
    <t>12/24/2014 12:00:00 AM</t>
  </si>
  <si>
    <t>10416</t>
  </si>
  <si>
    <t>12/25/2014 12:00:00 AM</t>
  </si>
  <si>
    <t>4662</t>
  </si>
  <si>
    <t>12/26/2014 12:00:00 AM</t>
  </si>
  <si>
    <t>10807</t>
  </si>
  <si>
    <t>12/27/2014 12:00:00 AM</t>
  </si>
  <si>
    <t>12/28/2014 12:00:00 AM</t>
  </si>
  <si>
    <t>2507</t>
  </si>
  <si>
    <t>36062</t>
  </si>
  <si>
    <t>5001</t>
  </si>
  <si>
    <t>2414</t>
  </si>
  <si>
    <t>5409</t>
  </si>
  <si>
    <t>12/29/2014 12:00:00 AM</t>
  </si>
  <si>
    <t>12/30/2014 12:00:00 AM</t>
  </si>
  <si>
    <t>12/31/2014 12:00:00 AM</t>
  </si>
  <si>
    <t>168615</t>
  </si>
  <si>
    <t>01/01/2015 12:00:00 AM</t>
  </si>
  <si>
    <t>1.45</t>
  </si>
  <si>
    <t>80.831</t>
  </si>
  <si>
    <t>01/02/2015 12:00:00 AM</t>
  </si>
  <si>
    <t>2.62</t>
  </si>
  <si>
    <t>1.46</t>
  </si>
  <si>
    <t>3.104</t>
  </si>
  <si>
    <t>1.96</t>
  </si>
  <si>
    <t>1.008</t>
  </si>
  <si>
    <t>01/03/2015 12:00:00 AM</t>
  </si>
  <si>
    <t>4.372</t>
  </si>
  <si>
    <t>5.076</t>
  </si>
  <si>
    <t>21.427</t>
  </si>
  <si>
    <t>1.5</t>
  </si>
  <si>
    <t>77.363</t>
  </si>
  <si>
    <t>133.911</t>
  </si>
  <si>
    <t>1.977</t>
  </si>
  <si>
    <t>01/04/2015 12:00:00 AM</t>
  </si>
  <si>
    <t>2.691</t>
  </si>
  <si>
    <t>1.371</t>
  </si>
  <si>
    <t>2.038</t>
  </si>
  <si>
    <t>1.25</t>
  </si>
  <si>
    <t>01/05/2015 12:00:00 AM</t>
  </si>
  <si>
    <t>1.362</t>
  </si>
  <si>
    <t>2.5</t>
  </si>
  <si>
    <t>1.645.000</t>
  </si>
  <si>
    <t>2.01</t>
  </si>
  <si>
    <t>01/06/2015 12:00:00 AM</t>
  </si>
  <si>
    <t>2.777</t>
  </si>
  <si>
    <t>6.25</t>
  </si>
  <si>
    <t>12.75</t>
  </si>
  <si>
    <t>3.64</t>
  </si>
  <si>
    <t>2.079</t>
  </si>
  <si>
    <t>2.584</t>
  </si>
  <si>
    <t>COMPRAVENTA</t>
  </si>
  <si>
    <t>1.35</t>
  </si>
  <si>
    <t>3.055</t>
  </si>
  <si>
    <t>6.5</t>
  </si>
  <si>
    <t>01/07/2015 12:00:00 AM</t>
  </si>
  <si>
    <t>10.498</t>
  </si>
  <si>
    <t>175.272</t>
  </si>
  <si>
    <t>2.648.000</t>
  </si>
  <si>
    <t>1.8</t>
  </si>
  <si>
    <t>1.916</t>
  </si>
  <si>
    <t>1.95</t>
  </si>
  <si>
    <t>3.85</t>
  </si>
  <si>
    <t>01/08/2015 12:00:00 AM</t>
  </si>
  <si>
    <t>4.481</t>
  </si>
  <si>
    <t>38.078</t>
  </si>
  <si>
    <t>1.15</t>
  </si>
  <si>
    <t>1.257</t>
  </si>
  <si>
    <t>22.888</t>
  </si>
  <si>
    <t>1.97</t>
  </si>
  <si>
    <t>1.0077</t>
  </si>
  <si>
    <t>1.92</t>
  </si>
  <si>
    <t>12.205</t>
  </si>
  <si>
    <t>01/09/2015 12:00:00 AM</t>
  </si>
  <si>
    <t>1.522</t>
  </si>
  <si>
    <t>3.315</t>
  </si>
  <si>
    <t>1.759</t>
  </si>
  <si>
    <t>95.878</t>
  </si>
  <si>
    <t>7.5</t>
  </si>
  <si>
    <t>3.545</t>
  </si>
  <si>
    <t>01/10/2015 12:00:00 AM</t>
  </si>
  <si>
    <t>15.72</t>
  </si>
  <si>
    <t>4.808</t>
  </si>
  <si>
    <t>1.56</t>
  </si>
  <si>
    <t>1.962</t>
  </si>
  <si>
    <t>3.099.000</t>
  </si>
  <si>
    <t>1.02</t>
  </si>
  <si>
    <t>1.16</t>
  </si>
  <si>
    <t>5.86</t>
  </si>
  <si>
    <t>2.945</t>
  </si>
  <si>
    <t>204.504</t>
  </si>
  <si>
    <t>1.176</t>
  </si>
  <si>
    <t>10.012</t>
  </si>
  <si>
    <t>16.98</t>
  </si>
  <si>
    <t>01/11/2015 12:00:00 AM</t>
  </si>
  <si>
    <t>1.225</t>
  </si>
  <si>
    <t>2.8</t>
  </si>
  <si>
    <t>01/13/2015 12:00:00 AM</t>
  </si>
  <si>
    <t>1.145</t>
  </si>
  <si>
    <t>1.6</t>
  </si>
  <si>
    <t>9.5</t>
  </si>
  <si>
    <t>1.004</t>
  </si>
  <si>
    <t>01/12/2015 12:00:00 AM</t>
  </si>
  <si>
    <t>1.7</t>
  </si>
  <si>
    <t>1.000.000</t>
  </si>
  <si>
    <t>1.01</t>
  </si>
  <si>
    <t>1.06</t>
  </si>
  <si>
    <t>2.265</t>
  </si>
  <si>
    <t>59.868</t>
  </si>
  <si>
    <t>15.3</t>
  </si>
  <si>
    <t>6.927</t>
  </si>
  <si>
    <t>5.43</t>
  </si>
  <si>
    <t>2.077</t>
  </si>
  <si>
    <t>3.021</t>
  </si>
  <si>
    <t>21.64</t>
  </si>
  <si>
    <t>1.86</t>
  </si>
  <si>
    <t>2.053</t>
  </si>
  <si>
    <t>01/14/2015 12:00:00 AM</t>
  </si>
  <si>
    <t>1.7752</t>
  </si>
  <si>
    <t>1.406</t>
  </si>
  <si>
    <t>1.982</t>
  </si>
  <si>
    <t>12.94</t>
  </si>
  <si>
    <t>2.002</t>
  </si>
  <si>
    <t>2.065</t>
  </si>
  <si>
    <t>7.413</t>
  </si>
  <si>
    <t>2.095</t>
  </si>
  <si>
    <t>7.213</t>
  </si>
  <si>
    <t>1.955</t>
  </si>
  <si>
    <t>01/15/2015 12:00:00 AM</t>
  </si>
  <si>
    <t>1.4</t>
  </si>
  <si>
    <t>4.393</t>
  </si>
  <si>
    <t>1.704</t>
  </si>
  <si>
    <t>1.357</t>
  </si>
  <si>
    <t>3.196</t>
  </si>
  <si>
    <t>3.333</t>
  </si>
  <si>
    <t>8.92</t>
  </si>
  <si>
    <t>1.2</t>
  </si>
  <si>
    <t>29.755</t>
  </si>
  <si>
    <t>1.126</t>
  </si>
  <si>
    <t>3.525</t>
  </si>
  <si>
    <t>43.355</t>
  </si>
  <si>
    <t>6.265</t>
  </si>
  <si>
    <t>01/16/2015 12:00:00 AM</t>
  </si>
  <si>
    <t>179.5</t>
  </si>
  <si>
    <t>4.11</t>
  </si>
  <si>
    <t>1.314</t>
  </si>
  <si>
    <t>5.2314</t>
  </si>
  <si>
    <t>1.419</t>
  </si>
  <si>
    <t>4.074</t>
  </si>
  <si>
    <t>43.108</t>
  </si>
  <si>
    <t>2.034</t>
  </si>
  <si>
    <t>330.821</t>
  </si>
  <si>
    <t>2.121.000</t>
  </si>
  <si>
    <t>13.2</t>
  </si>
  <si>
    <t>11.62</t>
  </si>
  <si>
    <t>9.47</t>
  </si>
  <si>
    <t>1.28525</t>
  </si>
  <si>
    <t>01/17/2015 12:00:00 AM</t>
  </si>
  <si>
    <t>1.639</t>
  </si>
  <si>
    <t>1.141.000</t>
  </si>
  <si>
    <t>2.117</t>
  </si>
  <si>
    <t>1.036</t>
  </si>
  <si>
    <t>1.04</t>
  </si>
  <si>
    <t>2.18</t>
  </si>
  <si>
    <t>116.315</t>
  </si>
  <si>
    <t>5.027</t>
  </si>
  <si>
    <t>3.706.000</t>
  </si>
  <si>
    <t>2.011</t>
  </si>
  <si>
    <t>1689</t>
  </si>
  <si>
    <t>16.015</t>
  </si>
  <si>
    <t>01/18/2015 12:00:00 AM</t>
  </si>
  <si>
    <t>5.843</t>
  </si>
  <si>
    <t>1.115</t>
  </si>
  <si>
    <t>50.46</t>
  </si>
  <si>
    <t>1.3</t>
  </si>
  <si>
    <t>170.24</t>
  </si>
  <si>
    <t>59.511</t>
  </si>
  <si>
    <t>60968</t>
  </si>
  <si>
    <t>01/19/2015 12:00:00 AM</t>
  </si>
  <si>
    <t>15.1</t>
  </si>
  <si>
    <t>3.6</t>
  </si>
  <si>
    <t>01/20/2015 12:00:00 AM</t>
  </si>
  <si>
    <t>4.985</t>
  </si>
  <si>
    <t>7575</t>
  </si>
  <si>
    <t>1.334</t>
  </si>
  <si>
    <t>18638</t>
  </si>
  <si>
    <t>41012</t>
  </si>
  <si>
    <t>3.2</t>
  </si>
  <si>
    <t>3.641</t>
  </si>
  <si>
    <t>1.087</t>
  </si>
  <si>
    <t>2.365</t>
  </si>
  <si>
    <t>690.959</t>
  </si>
  <si>
    <t>3.5</t>
  </si>
  <si>
    <t>14.044</t>
  </si>
  <si>
    <t>5.5</t>
  </si>
  <si>
    <t>9.9</t>
  </si>
  <si>
    <t>1.05</t>
  </si>
  <si>
    <t>1.498</t>
  </si>
  <si>
    <t>1.569</t>
  </si>
  <si>
    <t>1.322</t>
  </si>
  <si>
    <t>4.972</t>
  </si>
  <si>
    <t>1.842</t>
  </si>
  <si>
    <t>99.357</t>
  </si>
  <si>
    <t>2.42</t>
  </si>
  <si>
    <t>5.015</t>
  </si>
  <si>
    <t>1.227</t>
  </si>
  <si>
    <t>4.505</t>
  </si>
  <si>
    <t>2.2</t>
  </si>
  <si>
    <t>11.534</t>
  </si>
  <si>
    <t>2.714</t>
  </si>
  <si>
    <t>01/21/2015 12:00:00 AM</t>
  </si>
  <si>
    <t>3.964</t>
  </si>
  <si>
    <t>5.37</t>
  </si>
  <si>
    <t>86.528</t>
  </si>
  <si>
    <t>1.78</t>
  </si>
  <si>
    <t>15539</t>
  </si>
  <si>
    <t>2.43</t>
  </si>
  <si>
    <t>4.618</t>
  </si>
  <si>
    <t>7.851</t>
  </si>
  <si>
    <t>01/22/2015 12:00:00 AM</t>
  </si>
  <si>
    <t>4.8</t>
  </si>
  <si>
    <t>7.53</t>
  </si>
  <si>
    <t>45.73</t>
  </si>
  <si>
    <t>34.9</t>
  </si>
  <si>
    <t>63.5</t>
  </si>
  <si>
    <t>6.276</t>
  </si>
  <si>
    <t>1.015</t>
  </si>
  <si>
    <t>1.028</t>
  </si>
  <si>
    <t>2.361.600</t>
  </si>
  <si>
    <t>6.95</t>
  </si>
  <si>
    <t>1.428</t>
  </si>
  <si>
    <t>285.8</t>
  </si>
  <si>
    <t>89.87</t>
  </si>
  <si>
    <t>3.72</t>
  </si>
  <si>
    <t>7.019</t>
  </si>
  <si>
    <t>2.087</t>
  </si>
  <si>
    <t>1.77</t>
  </si>
  <si>
    <t>7.983</t>
  </si>
  <si>
    <t>10.279</t>
  </si>
  <si>
    <t>6.948</t>
  </si>
  <si>
    <t>3.15</t>
  </si>
  <si>
    <t>4.2</t>
  </si>
  <si>
    <t>6.2</t>
  </si>
  <si>
    <t>3.335</t>
  </si>
  <si>
    <t>01/23/2015 12:00:00 AM</t>
  </si>
  <si>
    <t>2.8487</t>
  </si>
  <si>
    <t>12.0667</t>
  </si>
  <si>
    <t>2.301</t>
  </si>
  <si>
    <t>2.08</t>
  </si>
  <si>
    <t>13.087</t>
  </si>
  <si>
    <t>1.815</t>
  </si>
  <si>
    <t>6.07</t>
  </si>
  <si>
    <t>13.7</t>
  </si>
  <si>
    <t>2.916</t>
  </si>
  <si>
    <t>4.317</t>
  </si>
  <si>
    <t>33.001</t>
  </si>
  <si>
    <t>3.155</t>
  </si>
  <si>
    <t>1.2127</t>
  </si>
  <si>
    <t>01/24/2015 12:00:00 AM</t>
  </si>
  <si>
    <t>12.9</t>
  </si>
  <si>
    <t>1.52</t>
  </si>
  <si>
    <t>1.356</t>
  </si>
  <si>
    <t>3.78</t>
  </si>
  <si>
    <t>2.95</t>
  </si>
  <si>
    <t>1.31</t>
  </si>
  <si>
    <t>4286</t>
  </si>
  <si>
    <t>1.65</t>
  </si>
  <si>
    <t>1.232</t>
  </si>
  <si>
    <t>2.283</t>
  </si>
  <si>
    <t>48.862</t>
  </si>
  <si>
    <t>6.492</t>
  </si>
  <si>
    <t>1.1647</t>
  </si>
  <si>
    <t>1.26</t>
  </si>
  <si>
    <t>1.845</t>
  </si>
  <si>
    <t>2.125</t>
  </si>
  <si>
    <t>01/25/2015 12:00:00 AM</t>
  </si>
  <si>
    <t>1.21</t>
  </si>
  <si>
    <t>50.195</t>
  </si>
  <si>
    <t>1.471</t>
  </si>
  <si>
    <t>2.305</t>
  </si>
  <si>
    <t>84.527</t>
  </si>
  <si>
    <t>4.94</t>
  </si>
  <si>
    <t>7.535</t>
  </si>
  <si>
    <t>12.5</t>
  </si>
  <si>
    <t>01/26/2015 12:00:00 AM</t>
  </si>
  <si>
    <t>6423</t>
  </si>
  <si>
    <t>1.2113</t>
  </si>
  <si>
    <t>18.723</t>
  </si>
  <si>
    <t>39.28</t>
  </si>
  <si>
    <t>11.9</t>
  </si>
  <si>
    <t>1.54</t>
  </si>
  <si>
    <t>2.895</t>
  </si>
  <si>
    <t>2.805</t>
  </si>
  <si>
    <t>2.256.000</t>
  </si>
  <si>
    <t>1.14</t>
  </si>
  <si>
    <t>4.7</t>
  </si>
  <si>
    <t>1.027</t>
  </si>
  <si>
    <t>27.442</t>
  </si>
  <si>
    <t>117.856</t>
  </si>
  <si>
    <t>22.2</t>
  </si>
  <si>
    <t>01/27/2015 12:00:00 AM</t>
  </si>
  <si>
    <t>1.2627</t>
  </si>
  <si>
    <t>1.739</t>
  </si>
  <si>
    <t>3.453</t>
  </si>
  <si>
    <t>142.283</t>
  </si>
  <si>
    <t>204.38</t>
  </si>
  <si>
    <t>1.306</t>
  </si>
  <si>
    <t>4.225</t>
  </si>
  <si>
    <t>12.584</t>
  </si>
  <si>
    <t>3.01</t>
  </si>
  <si>
    <t>1.155</t>
  </si>
  <si>
    <t>110.93</t>
  </si>
  <si>
    <t>9.197</t>
  </si>
  <si>
    <t>221.55</t>
  </si>
  <si>
    <t>74.967</t>
  </si>
  <si>
    <t>1.555</t>
  </si>
  <si>
    <t>01/28/2015 12:00:00 AM</t>
  </si>
  <si>
    <t>54.0549</t>
  </si>
  <si>
    <t>21.24</t>
  </si>
  <si>
    <t>5866</t>
  </si>
  <si>
    <t>2474</t>
  </si>
  <si>
    <t>3.012</t>
  </si>
  <si>
    <t>2.3</t>
  </si>
  <si>
    <t>4.5</t>
  </si>
  <si>
    <t>2.072</t>
  </si>
  <si>
    <t>1.858</t>
  </si>
  <si>
    <t>5.385</t>
  </si>
  <si>
    <t>20.502</t>
  </si>
  <si>
    <t>3.44</t>
  </si>
  <si>
    <t>3.61</t>
  </si>
  <si>
    <t>5.403</t>
  </si>
  <si>
    <t>1.019</t>
  </si>
  <si>
    <t>46.5</t>
  </si>
  <si>
    <t>18.2</t>
  </si>
  <si>
    <t>2.828</t>
  </si>
  <si>
    <t>01/29/2015 12:00:00 AM</t>
  </si>
  <si>
    <t>1.063</t>
  </si>
  <si>
    <t>2.07</t>
  </si>
  <si>
    <t>2.495</t>
  </si>
  <si>
    <t>2.199</t>
  </si>
  <si>
    <t>4.855</t>
  </si>
  <si>
    <t>1.19</t>
  </si>
  <si>
    <t>6.218</t>
  </si>
  <si>
    <t>21.5</t>
  </si>
  <si>
    <t>2.185</t>
  </si>
  <si>
    <t>1.328.000</t>
  </si>
  <si>
    <t>11.058</t>
  </si>
  <si>
    <t>1.505</t>
  </si>
  <si>
    <t>8.368</t>
  </si>
  <si>
    <t>1.83</t>
  </si>
  <si>
    <t>2.709</t>
  </si>
  <si>
    <t>2.252</t>
  </si>
  <si>
    <t>7.4</t>
  </si>
  <si>
    <t>1.271</t>
  </si>
  <si>
    <t>2.816</t>
  </si>
  <si>
    <t>3.042</t>
  </si>
  <si>
    <t>2.068.000</t>
  </si>
  <si>
    <t>01/30/2015 12:00:00 AM</t>
  </si>
  <si>
    <t>1.001</t>
  </si>
  <si>
    <t>1.318</t>
  </si>
  <si>
    <t>9.09</t>
  </si>
  <si>
    <t>2.565</t>
  </si>
  <si>
    <t>1.0969</t>
  </si>
  <si>
    <t>1.101</t>
  </si>
  <si>
    <t>37.087</t>
  </si>
  <si>
    <t>3.391</t>
  </si>
  <si>
    <t>1.415</t>
  </si>
  <si>
    <t>26.625</t>
  </si>
  <si>
    <t>1.363</t>
  </si>
  <si>
    <t>5.222</t>
  </si>
  <si>
    <t>2.4</t>
  </si>
  <si>
    <t>206.5</t>
  </si>
  <si>
    <t>1.633</t>
  </si>
  <si>
    <t>710.08</t>
  </si>
  <si>
    <t>9.848</t>
  </si>
  <si>
    <t>4.346</t>
  </si>
  <si>
    <t>14.75</t>
  </si>
  <si>
    <t>1.565</t>
  </si>
  <si>
    <t>83.5</t>
  </si>
  <si>
    <t>176.215</t>
  </si>
  <si>
    <t>01/31/2015 12:00:00 AM</t>
  </si>
  <si>
    <t>3.317</t>
  </si>
  <si>
    <t>1.618</t>
  </si>
  <si>
    <t>8.2</t>
  </si>
  <si>
    <t>6.047</t>
  </si>
  <si>
    <t>4.779</t>
  </si>
  <si>
    <t>2.25</t>
  </si>
  <si>
    <t>02/01/2015 12:00:00 AM</t>
  </si>
  <si>
    <t>2.613</t>
  </si>
  <si>
    <t>1.103</t>
  </si>
  <si>
    <t>1.933</t>
  </si>
  <si>
    <t>3.56</t>
  </si>
  <si>
    <t>1.069.000</t>
  </si>
  <si>
    <t>3.76</t>
  </si>
  <si>
    <t>2.9</t>
  </si>
  <si>
    <t>6.197</t>
  </si>
  <si>
    <t>8.515</t>
  </si>
  <si>
    <t>02/02/2015 12:00:00 AM</t>
  </si>
  <si>
    <t>1.1665</t>
  </si>
  <si>
    <t>3.896</t>
  </si>
  <si>
    <t>3.301</t>
  </si>
  <si>
    <t>1.235</t>
  </si>
  <si>
    <t>2.582</t>
  </si>
  <si>
    <t>1.611</t>
  </si>
  <si>
    <t>1.006</t>
  </si>
  <si>
    <t>02/03/2015 12:00:00 AM</t>
  </si>
  <si>
    <t>1.033</t>
  </si>
  <si>
    <t>1.621</t>
  </si>
  <si>
    <t>4.522</t>
  </si>
  <si>
    <t>14.065</t>
  </si>
  <si>
    <t>5.3</t>
  </si>
  <si>
    <t>30.207</t>
  </si>
  <si>
    <t>1.139</t>
  </si>
  <si>
    <t>4.792</t>
  </si>
  <si>
    <t>1.018</t>
  </si>
  <si>
    <t>3.77</t>
  </si>
  <si>
    <t>5.51</t>
  </si>
  <si>
    <t>3.505</t>
  </si>
  <si>
    <t>10.754</t>
  </si>
  <si>
    <t>57.013</t>
  </si>
  <si>
    <t>6.150.000</t>
  </si>
  <si>
    <t>6.514</t>
  </si>
  <si>
    <t>34.3</t>
  </si>
  <si>
    <t>10.5</t>
  </si>
  <si>
    <t>1.429</t>
  </si>
  <si>
    <t>21.4</t>
  </si>
  <si>
    <t>02/04/2015 12:00:00 AM</t>
  </si>
  <si>
    <t>3.8</t>
  </si>
  <si>
    <t>1.53</t>
  </si>
  <si>
    <t>5.185</t>
  </si>
  <si>
    <t>5.982</t>
  </si>
  <si>
    <t>3.516</t>
  </si>
  <si>
    <t>15.631</t>
  </si>
  <si>
    <t>1.27</t>
  </si>
  <si>
    <t>36.88</t>
  </si>
  <si>
    <t>4.201</t>
  </si>
  <si>
    <t>1.784</t>
  </si>
  <si>
    <t>24.5</t>
  </si>
  <si>
    <t>02/05/2015 12:00:00 AM</t>
  </si>
  <si>
    <t>1.177</t>
  </si>
  <si>
    <t>28.9</t>
  </si>
  <si>
    <t>7356</t>
  </si>
  <si>
    <t>3.532</t>
  </si>
  <si>
    <t>17.743</t>
  </si>
  <si>
    <t>12.37</t>
  </si>
  <si>
    <t>15.148</t>
  </si>
  <si>
    <t>1.545</t>
  </si>
  <si>
    <t>11.04</t>
  </si>
  <si>
    <t>85.47</t>
  </si>
  <si>
    <t>1.1</t>
  </si>
  <si>
    <t>2.423</t>
  </si>
  <si>
    <t>9.05</t>
  </si>
  <si>
    <t>1.62</t>
  </si>
  <si>
    <t>7.35</t>
  </si>
  <si>
    <t>1.092</t>
  </si>
  <si>
    <t>1.066.000</t>
  </si>
  <si>
    <t>5.29</t>
  </si>
  <si>
    <t>2.505</t>
  </si>
  <si>
    <t>5.24</t>
  </si>
  <si>
    <t>02/06/2015 12:00:00 AM</t>
  </si>
  <si>
    <t>33.337</t>
  </si>
  <si>
    <t>2.338</t>
  </si>
  <si>
    <t>7.736</t>
  </si>
  <si>
    <t>6.438</t>
  </si>
  <si>
    <t>14.023</t>
  </si>
  <si>
    <t>2.32</t>
  </si>
  <si>
    <t>2.513</t>
  </si>
  <si>
    <t>1.537</t>
  </si>
  <si>
    <t>1.461</t>
  </si>
  <si>
    <t>1.743</t>
  </si>
  <si>
    <t>5.62</t>
  </si>
  <si>
    <t>11.907</t>
  </si>
  <si>
    <t>14.028</t>
  </si>
  <si>
    <t>8.018</t>
  </si>
  <si>
    <t>02/07/2015 12:00:00 AM</t>
  </si>
  <si>
    <t>4.476</t>
  </si>
  <si>
    <t>13.525</t>
  </si>
  <si>
    <t>55.395</t>
  </si>
  <si>
    <t>2.12</t>
  </si>
  <si>
    <t>1.106</t>
  </si>
  <si>
    <t>4.778</t>
  </si>
  <si>
    <t>1.035</t>
  </si>
  <si>
    <t>2.693</t>
  </si>
  <si>
    <t>12.325</t>
  </si>
  <si>
    <t>02/08/2015 12:00:00 AM</t>
  </si>
  <si>
    <t>2.522</t>
  </si>
  <si>
    <t>34.08</t>
  </si>
  <si>
    <t>70.95</t>
  </si>
  <si>
    <t>1.636</t>
  </si>
  <si>
    <t>3.665</t>
  </si>
  <si>
    <t>1.002.474</t>
  </si>
  <si>
    <t>4.363</t>
  </si>
  <si>
    <t>6.035</t>
  </si>
  <si>
    <t>5.23</t>
  </si>
  <si>
    <t>2.148</t>
  </si>
  <si>
    <t>3992</t>
  </si>
  <si>
    <t>02/09/2015 12:00:00 AM</t>
  </si>
  <si>
    <t>1.567</t>
  </si>
  <si>
    <t>6.625</t>
  </si>
  <si>
    <t>3.350.754</t>
  </si>
  <si>
    <t>1.223</t>
  </si>
  <si>
    <t>1.038</t>
  </si>
  <si>
    <t>6.095</t>
  </si>
  <si>
    <t>59.51</t>
  </si>
  <si>
    <t>17.45</t>
  </si>
  <si>
    <t>7.515</t>
  </si>
  <si>
    <t>2.235</t>
  </si>
  <si>
    <t>13.207</t>
  </si>
  <si>
    <t>1.251</t>
  </si>
  <si>
    <t>02/10/2015 12:00:00 AM</t>
  </si>
  <si>
    <t>1.76</t>
  </si>
  <si>
    <t>1.117</t>
  </si>
  <si>
    <t>4.699</t>
  </si>
  <si>
    <t>7.8</t>
  </si>
  <si>
    <t>5.792</t>
  </si>
  <si>
    <t>8.29</t>
  </si>
  <si>
    <t>5.128</t>
  </si>
  <si>
    <t>4.1</t>
  </si>
  <si>
    <t>1.024</t>
  </si>
  <si>
    <t>5.31</t>
  </si>
  <si>
    <t>02/11/2015 12:00:00 AM</t>
  </si>
  <si>
    <t>11.654</t>
  </si>
  <si>
    <t>11.2791</t>
  </si>
  <si>
    <t>193.2</t>
  </si>
  <si>
    <t>4.265</t>
  </si>
  <si>
    <t>1.75</t>
  </si>
  <si>
    <t>2.893</t>
  </si>
  <si>
    <t>5.694</t>
  </si>
  <si>
    <t>12.543</t>
  </si>
  <si>
    <t>5.25</t>
  </si>
  <si>
    <t>2127</t>
  </si>
  <si>
    <t>9581</t>
  </si>
  <si>
    <t>11.547</t>
  </si>
  <si>
    <t>2.279</t>
  </si>
  <si>
    <t>67.024</t>
  </si>
  <si>
    <t>6.511</t>
  </si>
  <si>
    <t>12.8</t>
  </si>
  <si>
    <t>2.602</t>
  </si>
  <si>
    <t>2.681</t>
  </si>
  <si>
    <t>02/12/2015 12:00:00 AM</t>
  </si>
  <si>
    <t>5.273</t>
  </si>
  <si>
    <t>109.878</t>
  </si>
  <si>
    <t>109.8</t>
  </si>
  <si>
    <t>7145</t>
  </si>
  <si>
    <t>470.67</t>
  </si>
  <si>
    <t>4.01</t>
  </si>
  <si>
    <t>2.236</t>
  </si>
  <si>
    <t>29.795</t>
  </si>
  <si>
    <t>5.785</t>
  </si>
  <si>
    <t>70.575</t>
  </si>
  <si>
    <t>1.03</t>
  </si>
  <si>
    <t>1.345</t>
  </si>
  <si>
    <t>5.85</t>
  </si>
  <si>
    <t>1.983</t>
  </si>
  <si>
    <t>1.494</t>
  </si>
  <si>
    <t>9.2</t>
  </si>
  <si>
    <t>1.258</t>
  </si>
  <si>
    <t>5.514</t>
  </si>
  <si>
    <t>488.169</t>
  </si>
  <si>
    <t>02/13/2015 12:00:00 AM</t>
  </si>
  <si>
    <t>5.246</t>
  </si>
  <si>
    <t>6.189</t>
  </si>
  <si>
    <t>1.332</t>
  </si>
  <si>
    <t>3.822</t>
  </si>
  <si>
    <t>2.081</t>
  </si>
  <si>
    <t>37.59</t>
  </si>
  <si>
    <t>10.084</t>
  </si>
  <si>
    <t>1.793</t>
  </si>
  <si>
    <t>30.2</t>
  </si>
  <si>
    <t>1.025</t>
  </si>
  <si>
    <t>3.451</t>
  </si>
  <si>
    <t>4.524</t>
  </si>
  <si>
    <t>14.2</t>
  </si>
  <si>
    <t>1.9</t>
  </si>
  <si>
    <t>02/14/2015 12:00:00 AM</t>
  </si>
  <si>
    <t>41.374</t>
  </si>
  <si>
    <t>36.687</t>
  </si>
  <si>
    <t>1.414</t>
  </si>
  <si>
    <t>17.302</t>
  </si>
  <si>
    <t>6.025</t>
  </si>
  <si>
    <t>16.006</t>
  </si>
  <si>
    <t>15.4</t>
  </si>
  <si>
    <t>80.262</t>
  </si>
  <si>
    <t>1.915</t>
  </si>
  <si>
    <t>14.125</t>
  </si>
  <si>
    <t>3.068</t>
  </si>
  <si>
    <t>02/15/2015 12:00:00 AM</t>
  </si>
  <si>
    <t>1.113</t>
  </si>
  <si>
    <t>2.063</t>
  </si>
  <si>
    <t>3.49</t>
  </si>
  <si>
    <t>1.12</t>
  </si>
  <si>
    <t>1.912</t>
  </si>
  <si>
    <t>10.755</t>
  </si>
  <si>
    <t>1.493</t>
  </si>
  <si>
    <t>29.007</t>
  </si>
  <si>
    <t>3.4</t>
  </si>
  <si>
    <t>5.28</t>
  </si>
  <si>
    <t>20.294</t>
  </si>
  <si>
    <t>4612</t>
  </si>
  <si>
    <t>4.251</t>
  </si>
  <si>
    <t>1.009</t>
  </si>
  <si>
    <t>6.3</t>
  </si>
  <si>
    <t>02/16/2015 12:00:00 AM</t>
  </si>
  <si>
    <t>3.9906</t>
  </si>
  <si>
    <t>1.528</t>
  </si>
  <si>
    <t>1.433</t>
  </si>
  <si>
    <t>8.4</t>
  </si>
  <si>
    <t>4.121</t>
  </si>
  <si>
    <t>3.001</t>
  </si>
  <si>
    <t>50.25</t>
  </si>
  <si>
    <t>23.301</t>
  </si>
  <si>
    <t>3.88</t>
  </si>
  <si>
    <t>10.991</t>
  </si>
  <si>
    <t>1.587</t>
  </si>
  <si>
    <t>5.115</t>
  </si>
  <si>
    <t>02/17/2015 12:00:00 AM</t>
  </si>
  <si>
    <t>647.036</t>
  </si>
  <si>
    <t>251.3</t>
  </si>
  <si>
    <t>1.135</t>
  </si>
  <si>
    <t>36.2</t>
  </si>
  <si>
    <t>4.4</t>
  </si>
  <si>
    <t>14.555</t>
  </si>
  <si>
    <t>31.919</t>
  </si>
  <si>
    <t>5789</t>
  </si>
  <si>
    <t>4754</t>
  </si>
  <si>
    <t>3.552</t>
  </si>
  <si>
    <t>8.241</t>
  </si>
  <si>
    <t>6083</t>
  </si>
  <si>
    <t>2.514</t>
  </si>
  <si>
    <t>3.475</t>
  </si>
  <si>
    <t>210.01</t>
  </si>
  <si>
    <t>02/18/2015 12:00:00 AM</t>
  </si>
  <si>
    <t>4.237</t>
  </si>
  <si>
    <t>11.141</t>
  </si>
  <si>
    <t>170.5</t>
  </si>
  <si>
    <t>1.172</t>
  </si>
  <si>
    <t>52.98</t>
  </si>
  <si>
    <t>1.752</t>
  </si>
  <si>
    <t>8.655</t>
  </si>
  <si>
    <t>2.346</t>
  </si>
  <si>
    <t>31.348</t>
  </si>
  <si>
    <t>18.96</t>
  </si>
  <si>
    <t>02/19/2015 12:00:00 AM</t>
  </si>
  <si>
    <t>3.035</t>
  </si>
  <si>
    <t>4.857</t>
  </si>
  <si>
    <t>5772</t>
  </si>
  <si>
    <t>1.18</t>
  </si>
  <si>
    <t>2.769</t>
  </si>
  <si>
    <t>20.61</t>
  </si>
  <si>
    <t>6.108</t>
  </si>
  <si>
    <t>2.1</t>
  </si>
  <si>
    <t>1.873</t>
  </si>
  <si>
    <t>8703</t>
  </si>
  <si>
    <t>7.03</t>
  </si>
  <si>
    <t>3.544</t>
  </si>
  <si>
    <t>3.7</t>
  </si>
  <si>
    <t>6.975</t>
  </si>
  <si>
    <t>4.015</t>
  </si>
  <si>
    <t>2.157</t>
  </si>
  <si>
    <t>02/20/2015 12:00:00 AM</t>
  </si>
  <si>
    <t>2.04</t>
  </si>
  <si>
    <t>14.493</t>
  </si>
  <si>
    <t>83.855</t>
  </si>
  <si>
    <t>1.658</t>
  </si>
  <si>
    <t>1.088</t>
  </si>
  <si>
    <t>12.642</t>
  </si>
  <si>
    <t>4.66</t>
  </si>
  <si>
    <t>6.167</t>
  </si>
  <si>
    <t>4549</t>
  </si>
  <si>
    <t>2.6</t>
  </si>
  <si>
    <t>1.078</t>
  </si>
  <si>
    <t>345.091</t>
  </si>
  <si>
    <t>1.338</t>
  </si>
  <si>
    <t>02/21/2015 12:00:00 AM</t>
  </si>
  <si>
    <t>24.313</t>
  </si>
  <si>
    <t>1963</t>
  </si>
  <si>
    <t>1.301</t>
  </si>
  <si>
    <t>1.464</t>
  </si>
  <si>
    <t>1.259</t>
  </si>
  <si>
    <t>2.687</t>
  </si>
  <si>
    <t>66.7</t>
  </si>
  <si>
    <t>100.885</t>
  </si>
  <si>
    <t>02/23/2015 12:00:00 AM</t>
  </si>
  <si>
    <t>3.537</t>
  </si>
  <si>
    <t>15.275</t>
  </si>
  <si>
    <t>2.179</t>
  </si>
  <si>
    <t>02/22/2015 12:00:00 AM</t>
  </si>
  <si>
    <t>2.03</t>
  </si>
  <si>
    <t>4.115</t>
  </si>
  <si>
    <t>9.235</t>
  </si>
  <si>
    <t>10.84</t>
  </si>
  <si>
    <t>6.05</t>
  </si>
  <si>
    <t>2.055</t>
  </si>
  <si>
    <t>6362</t>
  </si>
  <si>
    <t>1.1302</t>
  </si>
  <si>
    <t>6.955</t>
  </si>
  <si>
    <t>3.561</t>
  </si>
  <si>
    <t>35.165</t>
  </si>
  <si>
    <t>3.66</t>
  </si>
  <si>
    <t>2.66</t>
  </si>
  <si>
    <t>26.608</t>
  </si>
  <si>
    <t>1.843</t>
  </si>
  <si>
    <t>3.173.000</t>
  </si>
  <si>
    <t>27.661</t>
  </si>
  <si>
    <t>3.199</t>
  </si>
  <si>
    <t>153.864</t>
  </si>
  <si>
    <t>02/24/2015 12:00:00 AM</t>
  </si>
  <si>
    <t>2.662</t>
  </si>
  <si>
    <t>24.56</t>
  </si>
  <si>
    <t>2.4417</t>
  </si>
  <si>
    <t>192.1</t>
  </si>
  <si>
    <t>4.19</t>
  </si>
  <si>
    <t>1.854</t>
  </si>
  <si>
    <t>2.548</t>
  </si>
  <si>
    <t>104.34</t>
  </si>
  <si>
    <t>6.707</t>
  </si>
  <si>
    <t>1.133</t>
  </si>
  <si>
    <t>8.7</t>
  </si>
  <si>
    <t>35.107</t>
  </si>
  <si>
    <t>02/25/2015 12:00:00 AM</t>
  </si>
  <si>
    <t>14.538</t>
  </si>
  <si>
    <t>15.866</t>
  </si>
  <si>
    <t>11.566</t>
  </si>
  <si>
    <t>1.655</t>
  </si>
  <si>
    <t>1.031</t>
  </si>
  <si>
    <t>1.724</t>
  </si>
  <si>
    <t>281.045</t>
  </si>
  <si>
    <t>1.246</t>
  </si>
  <si>
    <t>10.311</t>
  </si>
  <si>
    <t>1.599</t>
  </si>
  <si>
    <t>5821</t>
  </si>
  <si>
    <t>10.464</t>
  </si>
  <si>
    <t>18.278</t>
  </si>
  <si>
    <t>9.602</t>
  </si>
  <si>
    <t>7.551</t>
  </si>
  <si>
    <t>02/26/2015 12:00:00 AM</t>
  </si>
  <si>
    <t>1.132</t>
  </si>
  <si>
    <t>26.532</t>
  </si>
  <si>
    <t>2.721</t>
  </si>
  <si>
    <t>3.18</t>
  </si>
  <si>
    <t>1.005</t>
  </si>
  <si>
    <t>4.05</t>
  </si>
  <si>
    <t>14.314</t>
  </si>
  <si>
    <t>2.26</t>
  </si>
  <si>
    <t>3242</t>
  </si>
  <si>
    <t>22.03</t>
  </si>
  <si>
    <t>6.929</t>
  </si>
  <si>
    <t>8.397</t>
  </si>
  <si>
    <t>7.084</t>
  </si>
  <si>
    <t>02/27/2015 12:00:00 AM</t>
  </si>
  <si>
    <t>2.303</t>
  </si>
  <si>
    <t>18.5</t>
  </si>
  <si>
    <t>200.17</t>
  </si>
  <si>
    <t>102.545</t>
  </si>
  <si>
    <t>1.134</t>
  </si>
  <si>
    <t>127.5</t>
  </si>
  <si>
    <t>1.386</t>
  </si>
  <si>
    <t>10.763</t>
  </si>
  <si>
    <t>2.053.000</t>
  </si>
  <si>
    <t>4.065</t>
  </si>
  <si>
    <t>3.2795</t>
  </si>
  <si>
    <t>5504</t>
  </si>
  <si>
    <t>3.47</t>
  </si>
  <si>
    <t>1.603</t>
  </si>
  <si>
    <t>3.1</t>
  </si>
  <si>
    <t>02/28/2015 12:00:00 AM</t>
  </si>
  <si>
    <t>49.87</t>
  </si>
  <si>
    <t>1.848</t>
  </si>
  <si>
    <t>4.272</t>
  </si>
  <si>
    <t>1.5574</t>
  </si>
  <si>
    <t>137.955</t>
  </si>
  <si>
    <t>22.131</t>
  </si>
  <si>
    <t>1.91</t>
  </si>
  <si>
    <t>7.825</t>
  </si>
  <si>
    <t>48.198</t>
  </si>
  <si>
    <t>5.099</t>
  </si>
  <si>
    <t>62.549</t>
  </si>
  <si>
    <t>2.7</t>
  </si>
  <si>
    <t>03/01/2015 12:00:00 AM</t>
  </si>
  <si>
    <t>67.98</t>
  </si>
  <si>
    <t>451.995</t>
  </si>
  <si>
    <t>1.017.000</t>
  </si>
  <si>
    <t>1.123</t>
  </si>
  <si>
    <t>6.06</t>
  </si>
  <si>
    <t>1.55</t>
  </si>
  <si>
    <t>03/02/2015 12:00:00 AM</t>
  </si>
  <si>
    <t>1.762</t>
  </si>
  <si>
    <t>2.165</t>
  </si>
  <si>
    <t>2.310.000</t>
  </si>
  <si>
    <t>1.228</t>
  </si>
  <si>
    <t>2.503</t>
  </si>
  <si>
    <t>2.147</t>
  </si>
  <si>
    <t>2.0302</t>
  </si>
  <si>
    <t>3.13</t>
  </si>
  <si>
    <t>3.089</t>
  </si>
  <si>
    <t>03/03/2015 12:00:00 AM</t>
  </si>
  <si>
    <t>1.417</t>
  </si>
  <si>
    <t>407.772</t>
  </si>
  <si>
    <t>1.651</t>
  </si>
  <si>
    <t>75.15</t>
  </si>
  <si>
    <t>1.217</t>
  </si>
  <si>
    <t>1.715</t>
  </si>
  <si>
    <t>4.526</t>
  </si>
  <si>
    <t>26139</t>
  </si>
  <si>
    <t>2.395</t>
  </si>
  <si>
    <t>1.903</t>
  </si>
  <si>
    <t>03/04/2015 12:00:00 AM</t>
  </si>
  <si>
    <t>1.4687</t>
  </si>
  <si>
    <t>1.748</t>
  </si>
  <si>
    <t>1.065</t>
  </si>
  <si>
    <t>33.017</t>
  </si>
  <si>
    <t>1.343</t>
  </si>
  <si>
    <t>1.991</t>
  </si>
  <si>
    <t>6.02</t>
  </si>
  <si>
    <t>9743</t>
  </si>
  <si>
    <t>13.5</t>
  </si>
  <si>
    <t>03/05/2015 12:00:00 AM</t>
  </si>
  <si>
    <t>10.152</t>
  </si>
  <si>
    <t>2.75</t>
  </si>
  <si>
    <t>26.783</t>
  </si>
  <si>
    <t>3.463</t>
  </si>
  <si>
    <t>1.719</t>
  </si>
  <si>
    <t>15.665</t>
  </si>
  <si>
    <t>2.592</t>
  </si>
  <si>
    <t>1.49</t>
  </si>
  <si>
    <t>40.335</t>
  </si>
  <si>
    <t>120.274</t>
  </si>
  <si>
    <t>20.12</t>
  </si>
  <si>
    <t>03/06/2015 12:00:00 AM</t>
  </si>
  <si>
    <t>2.966</t>
  </si>
  <si>
    <t>51.904</t>
  </si>
  <si>
    <t>1.074</t>
  </si>
  <si>
    <t>4.105</t>
  </si>
  <si>
    <t>1.583</t>
  </si>
  <si>
    <t>1.714</t>
  </si>
  <si>
    <t>6.35</t>
  </si>
  <si>
    <t>3.9</t>
  </si>
  <si>
    <t>3.215</t>
  </si>
  <si>
    <t>1.285</t>
  </si>
  <si>
    <t>1.2054</t>
  </si>
  <si>
    <t>72.617</t>
  </si>
  <si>
    <t>43.428</t>
  </si>
  <si>
    <t>03/07/2015 12:00:00 AM</t>
  </si>
  <si>
    <t>6.56</t>
  </si>
  <si>
    <t>2.933</t>
  </si>
  <si>
    <t>5955</t>
  </si>
  <si>
    <t>24.241</t>
  </si>
  <si>
    <t>2.192</t>
  </si>
  <si>
    <t>10.366</t>
  </si>
  <si>
    <t>03/08/2015 12:00:00 AM</t>
  </si>
  <si>
    <t>2.745</t>
  </si>
  <si>
    <t>81.15</t>
  </si>
  <si>
    <t>03/09/2015 12:00:00 AM</t>
  </si>
  <si>
    <t>2.394</t>
  </si>
  <si>
    <t>1.105</t>
  </si>
  <si>
    <t>8.99</t>
  </si>
  <si>
    <t>17122</t>
  </si>
  <si>
    <t>3.953</t>
  </si>
  <si>
    <t>10.315</t>
  </si>
  <si>
    <t>JORDÁN</t>
  </si>
  <si>
    <t>5.9</t>
  </si>
  <si>
    <t>19.038</t>
  </si>
  <si>
    <t>3.225</t>
  </si>
  <si>
    <t>8.784</t>
  </si>
  <si>
    <t>6.383</t>
  </si>
  <si>
    <t>03/10/2015 12:00:00 AM</t>
  </si>
  <si>
    <t>1.594</t>
  </si>
  <si>
    <t>1.448</t>
  </si>
  <si>
    <t>2.107</t>
  </si>
  <si>
    <t>1.152</t>
  </si>
  <si>
    <t>16.4067</t>
  </si>
  <si>
    <t>51.45</t>
  </si>
  <si>
    <t>3.04</t>
  </si>
  <si>
    <t>1.979.000</t>
  </si>
  <si>
    <t>6.924</t>
  </si>
  <si>
    <t>03/11/2015 12:00:00 AM</t>
  </si>
  <si>
    <t>1.359</t>
  </si>
  <si>
    <t>2.009</t>
  </si>
  <si>
    <t>1.48</t>
  </si>
  <si>
    <t>1.056</t>
  </si>
  <si>
    <t>2.464</t>
  </si>
  <si>
    <t>1.119</t>
  </si>
  <si>
    <t>1.09</t>
  </si>
  <si>
    <t>1.934</t>
  </si>
  <si>
    <t>7.445</t>
  </si>
  <si>
    <t>11.5</t>
  </si>
  <si>
    <t>2.016</t>
  </si>
  <si>
    <t>1.427</t>
  </si>
  <si>
    <t>1.002</t>
  </si>
  <si>
    <t>6.141</t>
  </si>
  <si>
    <t>13.435</t>
  </si>
  <si>
    <t>03/12/2015 12:00:00 AM</t>
  </si>
  <si>
    <t>141.449</t>
  </si>
  <si>
    <t>1.511</t>
  </si>
  <si>
    <t>1.168</t>
  </si>
  <si>
    <t>6.911</t>
  </si>
  <si>
    <t>8.675</t>
  </si>
  <si>
    <t>2.641</t>
  </si>
  <si>
    <t>9.063</t>
  </si>
  <si>
    <t>12.503</t>
  </si>
  <si>
    <t>12.239</t>
  </si>
  <si>
    <t>8.185</t>
  </si>
  <si>
    <t>1.445</t>
  </si>
  <si>
    <t>1.692</t>
  </si>
  <si>
    <t>1.200.060</t>
  </si>
  <si>
    <t>2.15</t>
  </si>
  <si>
    <t>03/13/2015 12:00:00 AM</t>
  </si>
  <si>
    <t>1.491</t>
  </si>
  <si>
    <t>6.78</t>
  </si>
  <si>
    <t>3.461</t>
  </si>
  <si>
    <t>1.333</t>
  </si>
  <si>
    <t>9.068</t>
  </si>
  <si>
    <t>9.764</t>
  </si>
  <si>
    <t>5.08</t>
  </si>
  <si>
    <t>19.744</t>
  </si>
  <si>
    <t>4.396</t>
  </si>
  <si>
    <t>19.963</t>
  </si>
  <si>
    <t>1.174</t>
  </si>
  <si>
    <t>10.8</t>
  </si>
  <si>
    <t>1.136</t>
  </si>
  <si>
    <t>150.348</t>
  </si>
  <si>
    <t>178.682</t>
  </si>
  <si>
    <t>03/14/2015 12:00:00 AM</t>
  </si>
  <si>
    <t>1.325</t>
  </si>
  <si>
    <t>1.159</t>
  </si>
  <si>
    <t>18.207</t>
  </si>
  <si>
    <t>4.995</t>
  </si>
  <si>
    <t>4494</t>
  </si>
  <si>
    <t>4.843</t>
  </si>
  <si>
    <t>03/15/2015 12:00:00 AM</t>
  </si>
  <si>
    <t>2.1978</t>
  </si>
  <si>
    <t>10.056</t>
  </si>
  <si>
    <t>28.2</t>
  </si>
  <si>
    <t>2.867</t>
  </si>
  <si>
    <t>2.605</t>
  </si>
  <si>
    <t>03/16/2015 12:00:00 AM</t>
  </si>
  <si>
    <t>1.013</t>
  </si>
  <si>
    <t>9.608</t>
  </si>
  <si>
    <t>3.2179</t>
  </si>
  <si>
    <t>46.4</t>
  </si>
  <si>
    <t>1.558</t>
  </si>
  <si>
    <t>1.754</t>
  </si>
  <si>
    <t>1.046</t>
  </si>
  <si>
    <t>2.599</t>
  </si>
  <si>
    <t>5.285</t>
  </si>
  <si>
    <t>1.326</t>
  </si>
  <si>
    <t>3.426</t>
  </si>
  <si>
    <t>10.71</t>
  </si>
  <si>
    <t>03/17/2015 12:00:00 AM</t>
  </si>
  <si>
    <t>1.3638</t>
  </si>
  <si>
    <t>2.345</t>
  </si>
  <si>
    <t>20.72</t>
  </si>
  <si>
    <t>9.529</t>
  </si>
  <si>
    <t>8.33</t>
  </si>
  <si>
    <t>2.135</t>
  </si>
  <si>
    <t>2.738</t>
  </si>
  <si>
    <t>03/18/2015 12:00:00 AM</t>
  </si>
  <si>
    <t>1.1045</t>
  </si>
  <si>
    <t>1.6149</t>
  </si>
  <si>
    <t>6.651</t>
  </si>
  <si>
    <t>1.94</t>
  </si>
  <si>
    <t>5.402</t>
  </si>
  <si>
    <t>2949</t>
  </si>
  <si>
    <t>62.4</t>
  </si>
  <si>
    <t>1.644</t>
  </si>
  <si>
    <t>9.08</t>
  </si>
  <si>
    <t>03/19/2015 12:00:00 AM</t>
  </si>
  <si>
    <t>1.125</t>
  </si>
  <si>
    <t>1.665</t>
  </si>
  <si>
    <t>7.829</t>
  </si>
  <si>
    <t>13.985</t>
  </si>
  <si>
    <t>4.9</t>
  </si>
  <si>
    <t>114.04</t>
  </si>
  <si>
    <t>3.882</t>
  </si>
  <si>
    <t>1.203</t>
  </si>
  <si>
    <t>03/20/2015 12:00:00 AM</t>
  </si>
  <si>
    <t>1.802</t>
  </si>
  <si>
    <t>6.52</t>
  </si>
  <si>
    <t>1.642</t>
  </si>
  <si>
    <t>1.927</t>
  </si>
  <si>
    <t>5.002</t>
  </si>
  <si>
    <t>6.825</t>
  </si>
  <si>
    <t>2.276</t>
  </si>
  <si>
    <t>2.24</t>
  </si>
  <si>
    <t>9.576</t>
  </si>
  <si>
    <t>3.3</t>
  </si>
  <si>
    <t>1.999</t>
  </si>
  <si>
    <t>2.89</t>
  </si>
  <si>
    <t>03/21/2015 12:00:00 AM</t>
  </si>
  <si>
    <t>3.836</t>
  </si>
  <si>
    <t>2.73</t>
  </si>
  <si>
    <t>35.513</t>
  </si>
  <si>
    <t>5.268</t>
  </si>
  <si>
    <t>1.47</t>
  </si>
  <si>
    <t>4.547</t>
  </si>
  <si>
    <t>1.525</t>
  </si>
  <si>
    <t>8.115</t>
  </si>
  <si>
    <t>03/22/2015 12:00:00 AM</t>
  </si>
  <si>
    <t>1.936</t>
  </si>
  <si>
    <t>1.73</t>
  </si>
  <si>
    <t>2.11</t>
  </si>
  <si>
    <t>14.433</t>
  </si>
  <si>
    <t>1.032</t>
  </si>
  <si>
    <t>4.141</t>
  </si>
  <si>
    <t>03/23/2015 12:00:00 AM</t>
  </si>
  <si>
    <t>8921</t>
  </si>
  <si>
    <t>1.952</t>
  </si>
  <si>
    <t>386.815</t>
  </si>
  <si>
    <t>2.995</t>
  </si>
  <si>
    <t>3854</t>
  </si>
  <si>
    <t>03/24/2015 12:00:00 AM</t>
  </si>
  <si>
    <t>3.557</t>
  </si>
  <si>
    <t>7.325</t>
  </si>
  <si>
    <t>23.35</t>
  </si>
  <si>
    <t>5.6</t>
  </si>
  <si>
    <t>15.573</t>
  </si>
  <si>
    <t>5.215</t>
  </si>
  <si>
    <t>21.19</t>
  </si>
  <si>
    <t>2366</t>
  </si>
  <si>
    <t>59484</t>
  </si>
  <si>
    <t>3.32</t>
  </si>
  <si>
    <t>100.08</t>
  </si>
  <si>
    <t>1.094</t>
  </si>
  <si>
    <t>1.650.000</t>
  </si>
  <si>
    <t>8.11</t>
  </si>
  <si>
    <t>23.169</t>
  </si>
  <si>
    <t>03/25/2015 12:00:00 AM</t>
  </si>
  <si>
    <t>1.683</t>
  </si>
  <si>
    <t>1.32</t>
  </si>
  <si>
    <t>1.08</t>
  </si>
  <si>
    <t>10.596</t>
  </si>
  <si>
    <t>1.234</t>
  </si>
  <si>
    <t>260.125</t>
  </si>
  <si>
    <t>7.273</t>
  </si>
  <si>
    <t>1.835</t>
  </si>
  <si>
    <t>2.475</t>
  </si>
  <si>
    <t>1.0069</t>
  </si>
  <si>
    <t>2.972</t>
  </si>
  <si>
    <t>1.212</t>
  </si>
  <si>
    <t>1.948</t>
  </si>
  <si>
    <t>1.485</t>
  </si>
  <si>
    <t>03/26/2015 12:00:00 AM</t>
  </si>
  <si>
    <t>1.1611</t>
  </si>
  <si>
    <t>3.7123</t>
  </si>
  <si>
    <t>2.275</t>
  </si>
  <si>
    <t>1.853</t>
  </si>
  <si>
    <t>1.167</t>
  </si>
  <si>
    <t>1.976</t>
  </si>
  <si>
    <t>10871</t>
  </si>
  <si>
    <t>1.258.000</t>
  </si>
  <si>
    <t>PARQUE NACIONAL NATURAL TAYRONA</t>
  </si>
  <si>
    <t>4.758</t>
  </si>
  <si>
    <t>03/27/2015 12:00:00 AM</t>
  </si>
  <si>
    <t>1.44</t>
  </si>
  <si>
    <t>320.0349</t>
  </si>
  <si>
    <t>1.086</t>
  </si>
  <si>
    <t>1.585</t>
  </si>
  <si>
    <t>4.120.000</t>
  </si>
  <si>
    <t>1.557</t>
  </si>
  <si>
    <t>5.338</t>
  </si>
  <si>
    <t>16.912</t>
  </si>
  <si>
    <t>4.695</t>
  </si>
  <si>
    <t>2753</t>
  </si>
  <si>
    <t>586.156</t>
  </si>
  <si>
    <t>765.11</t>
  </si>
  <si>
    <t>162.342</t>
  </si>
  <si>
    <t>15.088</t>
  </si>
  <si>
    <t>29.176</t>
  </si>
  <si>
    <t>03/28/2015 12:00:00 AM</t>
  </si>
  <si>
    <t>1.2869</t>
  </si>
  <si>
    <t>522.038</t>
  </si>
  <si>
    <t>4.13</t>
  </si>
  <si>
    <t>38.345</t>
  </si>
  <si>
    <t>1.365</t>
  </si>
  <si>
    <t>2.48</t>
  </si>
  <si>
    <t>2.033</t>
  </si>
  <si>
    <t>1.81857</t>
  </si>
  <si>
    <t>7445</t>
  </si>
  <si>
    <t>3.186</t>
  </si>
  <si>
    <t>1.487</t>
  </si>
  <si>
    <t>03/29/2015 12:00:00 AM</t>
  </si>
  <si>
    <t>157.644</t>
  </si>
  <si>
    <t>8.5</t>
  </si>
  <si>
    <t>1.515</t>
  </si>
  <si>
    <t>1.0734</t>
  </si>
  <si>
    <t>1.054.000</t>
  </si>
  <si>
    <t>6.28</t>
  </si>
  <si>
    <t>10.9</t>
  </si>
  <si>
    <t>260.495</t>
  </si>
  <si>
    <t>03/30/2015 12:00:00 AM</t>
  </si>
  <si>
    <t>9.035</t>
  </si>
  <si>
    <t>1.272</t>
  </si>
  <si>
    <t>188.95</t>
  </si>
  <si>
    <t>2.045</t>
  </si>
  <si>
    <t>1.401</t>
  </si>
  <si>
    <t>15.05</t>
  </si>
  <si>
    <t>7.705</t>
  </si>
  <si>
    <t>3.21</t>
  </si>
  <si>
    <t>3.405</t>
  </si>
  <si>
    <t>12.396</t>
  </si>
  <si>
    <t>03/31/2015 12:00:00 AM</t>
  </si>
  <si>
    <t>1.5075</t>
  </si>
  <si>
    <t>45.9</t>
  </si>
  <si>
    <t>985.5</t>
  </si>
  <si>
    <t>1.109</t>
  </si>
  <si>
    <t>45.5</t>
  </si>
  <si>
    <t>9.695</t>
  </si>
  <si>
    <t>2.445</t>
  </si>
  <si>
    <t>19.2</t>
  </si>
  <si>
    <t>04/01/2015 12:00:00 AM</t>
  </si>
  <si>
    <t>1.5077</t>
  </si>
  <si>
    <t>6385</t>
  </si>
  <si>
    <t>1.74</t>
  </si>
  <si>
    <t>2.1042</t>
  </si>
  <si>
    <t>3.013</t>
  </si>
  <si>
    <t>2.023</t>
  </si>
  <si>
    <t>3.015</t>
  </si>
  <si>
    <t>4.89</t>
  </si>
  <si>
    <t>9233</t>
  </si>
  <si>
    <t>1.989</t>
  </si>
  <si>
    <t>04/02/2015 12:00:00 AM</t>
  </si>
  <si>
    <t>6647</t>
  </si>
  <si>
    <t>2.331</t>
  </si>
  <si>
    <t>3.344</t>
  </si>
  <si>
    <t>4.787</t>
  </si>
  <si>
    <t>9.305</t>
  </si>
  <si>
    <t>6.473</t>
  </si>
  <si>
    <t>9.738</t>
  </si>
  <si>
    <t>405.834</t>
  </si>
  <si>
    <t>94.005</t>
  </si>
  <si>
    <t>21.064</t>
  </si>
  <si>
    <t>04/03/2015 12:00:00 AM</t>
  </si>
  <si>
    <t>4.054</t>
  </si>
  <si>
    <t>1.293</t>
  </si>
  <si>
    <t>2.831</t>
  </si>
  <si>
    <t>04/04/2015 12:00:00 AM</t>
  </si>
  <si>
    <t>2.553</t>
  </si>
  <si>
    <t>LA JAGUA DEL PILAR</t>
  </si>
  <si>
    <t>1.17</t>
  </si>
  <si>
    <t>04/05/2015 12:00:00 AM</t>
  </si>
  <si>
    <t>1.11</t>
  </si>
  <si>
    <t>1.07</t>
  </si>
  <si>
    <t>1.012</t>
  </si>
  <si>
    <t>51.245</t>
  </si>
  <si>
    <t>74.865</t>
  </si>
  <si>
    <t>04/06/2015 12:00:00 AM</t>
  </si>
  <si>
    <t>1.1727</t>
  </si>
  <si>
    <t>1.85</t>
  </si>
  <si>
    <t>1.388</t>
  </si>
  <si>
    <t>3.363</t>
  </si>
  <si>
    <t>9.858</t>
  </si>
  <si>
    <t>8.225</t>
  </si>
  <si>
    <t>2.004</t>
  </si>
  <si>
    <t>04/07/2015 12:00:00 AM</t>
  </si>
  <si>
    <t>6415</t>
  </si>
  <si>
    <t>4063</t>
  </si>
  <si>
    <t>2.2186</t>
  </si>
  <si>
    <t>1.144</t>
  </si>
  <si>
    <t>7513</t>
  </si>
  <si>
    <t>17.761</t>
  </si>
  <si>
    <t>19.2215</t>
  </si>
  <si>
    <t>5.76</t>
  </si>
  <si>
    <t>296.11</t>
  </si>
  <si>
    <t>7.43</t>
  </si>
  <si>
    <t>11.446</t>
  </si>
  <si>
    <t>04/08/2015 12:00:00 AM</t>
  </si>
  <si>
    <t>9474</t>
  </si>
  <si>
    <t>8.4859</t>
  </si>
  <si>
    <t>6.79</t>
  </si>
  <si>
    <t>6.38</t>
  </si>
  <si>
    <t>3.221</t>
  </si>
  <si>
    <t>5.316</t>
  </si>
  <si>
    <t>30782</t>
  </si>
  <si>
    <t>9.295</t>
  </si>
  <si>
    <t>1.13</t>
  </si>
  <si>
    <t>3925</t>
  </si>
  <si>
    <t>3.065</t>
  </si>
  <si>
    <t>15.68</t>
  </si>
  <si>
    <t>04/09/2015 12:00:00 AM</t>
  </si>
  <si>
    <t>3.05</t>
  </si>
  <si>
    <t>36.411</t>
  </si>
  <si>
    <t>4.053</t>
  </si>
  <si>
    <t>1.262</t>
  </si>
  <si>
    <t>2.915</t>
  </si>
  <si>
    <t>1.43</t>
  </si>
  <si>
    <t>2.704</t>
  </si>
  <si>
    <t>1.302</t>
  </si>
  <si>
    <t>11.9419</t>
  </si>
  <si>
    <t>04/10/2015 12:00:00 AM</t>
  </si>
  <si>
    <t>1.23</t>
  </si>
  <si>
    <t>7.45</t>
  </si>
  <si>
    <t>7.83</t>
  </si>
  <si>
    <t>55.102</t>
  </si>
  <si>
    <t>9.3</t>
  </si>
  <si>
    <t>1.061</t>
  </si>
  <si>
    <t>4.6029</t>
  </si>
  <si>
    <t>1.308</t>
  </si>
  <si>
    <t>81.738</t>
  </si>
  <si>
    <t>5.084</t>
  </si>
  <si>
    <t>2.593</t>
  </si>
  <si>
    <t>1.091</t>
  </si>
  <si>
    <t>2.093</t>
  </si>
  <si>
    <t>2.203.000</t>
  </si>
  <si>
    <t>6.75</t>
  </si>
  <si>
    <t>04/11/2015 12:00:00 AM</t>
  </si>
  <si>
    <t>5785</t>
  </si>
  <si>
    <t>1.723</t>
  </si>
  <si>
    <t>6.612</t>
  </si>
  <si>
    <t>4.908</t>
  </si>
  <si>
    <t>37.215</t>
  </si>
  <si>
    <t>5.065</t>
  </si>
  <si>
    <t>22.596</t>
  </si>
  <si>
    <t>150.922</t>
  </si>
  <si>
    <t>3346</t>
  </si>
  <si>
    <t>4.43</t>
  </si>
  <si>
    <t>04/12/2015 12:00:00 AM</t>
  </si>
  <si>
    <t>2267</t>
  </si>
  <si>
    <t>22.1</t>
  </si>
  <si>
    <t>151.28</t>
  </si>
  <si>
    <t>4.993</t>
  </si>
  <si>
    <t>15.83</t>
  </si>
  <si>
    <t>3.33</t>
  </si>
  <si>
    <t>04/14/2015 12:00:00 AM</t>
  </si>
  <si>
    <t>5.4</t>
  </si>
  <si>
    <t>1.72</t>
  </si>
  <si>
    <t>1.165</t>
  </si>
  <si>
    <t>1.055</t>
  </si>
  <si>
    <t>2.300.000</t>
  </si>
  <si>
    <t>04/13/2015 12:00:00 AM</t>
  </si>
  <si>
    <t>5906</t>
  </si>
  <si>
    <t>1.337</t>
  </si>
  <si>
    <t>1.195</t>
  </si>
  <si>
    <t>78.65</t>
  </si>
  <si>
    <t>12.45</t>
  </si>
  <si>
    <t>5.077</t>
  </si>
  <si>
    <t>1.307</t>
  </si>
  <si>
    <t>29.077</t>
  </si>
  <si>
    <t>2.6641</t>
  </si>
  <si>
    <t>1.9786</t>
  </si>
  <si>
    <t>8.245</t>
  </si>
  <si>
    <t>50.1</t>
  </si>
  <si>
    <t>3.036</t>
  </si>
  <si>
    <t>4.248</t>
  </si>
  <si>
    <t>19.52</t>
  </si>
  <si>
    <t>5.074</t>
  </si>
  <si>
    <t>1.409</t>
  </si>
  <si>
    <t>3.703</t>
  </si>
  <si>
    <t>3.0368</t>
  </si>
  <si>
    <t>6.59</t>
  </si>
  <si>
    <t>04/15/2015 12:00:00 AM</t>
  </si>
  <si>
    <t>7.274</t>
  </si>
  <si>
    <t>1.808</t>
  </si>
  <si>
    <t>16.2</t>
  </si>
  <si>
    <t>22.81</t>
  </si>
  <si>
    <t>22.181</t>
  </si>
  <si>
    <t>2.648</t>
  </si>
  <si>
    <t>19.109</t>
  </si>
  <si>
    <t>27.959</t>
  </si>
  <si>
    <t>1.732</t>
  </si>
  <si>
    <t>46.312</t>
  </si>
  <si>
    <t>7017</t>
  </si>
  <si>
    <t>12.785</t>
  </si>
  <si>
    <t>04/16/2015 12:00:00 AM</t>
  </si>
  <si>
    <t>44.947</t>
  </si>
  <si>
    <t>16.8</t>
  </si>
  <si>
    <t>2.0346</t>
  </si>
  <si>
    <t>3.957</t>
  </si>
  <si>
    <t>27.005</t>
  </si>
  <si>
    <t>2.451</t>
  </si>
  <si>
    <t>8.971</t>
  </si>
  <si>
    <t>30.194</t>
  </si>
  <si>
    <t>3.825</t>
  </si>
  <si>
    <t>6.136</t>
  </si>
  <si>
    <t>PARQUE NACIONAL NATURAL EL TUPARRO</t>
  </si>
  <si>
    <t>04/17/2015 12:00:00 AM</t>
  </si>
  <si>
    <t>1.089</t>
  </si>
  <si>
    <t>1.5813</t>
  </si>
  <si>
    <t>46.3</t>
  </si>
  <si>
    <t>1.016</t>
  </si>
  <si>
    <t>13.572</t>
  </si>
  <si>
    <t>4.12</t>
  </si>
  <si>
    <t>14.797</t>
  </si>
  <si>
    <t>1.096</t>
  </si>
  <si>
    <t>04/18/2015 12:00:00 AM</t>
  </si>
  <si>
    <t>2.092</t>
  </si>
  <si>
    <t>87.8</t>
  </si>
  <si>
    <t>5.1</t>
  </si>
  <si>
    <t>TÓPAGA</t>
  </si>
  <si>
    <t>24.345</t>
  </si>
  <si>
    <t>8.45</t>
  </si>
  <si>
    <t>20.252</t>
  </si>
  <si>
    <t>33.352</t>
  </si>
  <si>
    <t>1.413</t>
  </si>
  <si>
    <t>2.787</t>
  </si>
  <si>
    <t>19.8</t>
  </si>
  <si>
    <t>1.975</t>
  </si>
  <si>
    <t>04/19/2015 12:00:00 AM</t>
  </si>
  <si>
    <t>80.251</t>
  </si>
  <si>
    <t>187.03</t>
  </si>
  <si>
    <t>1.439</t>
  </si>
  <si>
    <t>2.5918</t>
  </si>
  <si>
    <t>04/20/2015 12:00:00 AM</t>
  </si>
  <si>
    <t>48.8</t>
  </si>
  <si>
    <t>39.8</t>
  </si>
  <si>
    <t>1.067</t>
  </si>
  <si>
    <t>7.46</t>
  </si>
  <si>
    <t>1.711.000</t>
  </si>
  <si>
    <t>10.45</t>
  </si>
  <si>
    <t>105.1</t>
  </si>
  <si>
    <t>5258</t>
  </si>
  <si>
    <t>1.6029</t>
  </si>
  <si>
    <t>2.557</t>
  </si>
  <si>
    <t>5916</t>
  </si>
  <si>
    <t>7.33</t>
  </si>
  <si>
    <t>5846</t>
  </si>
  <si>
    <t>2.86</t>
  </si>
  <si>
    <t>2.402</t>
  </si>
  <si>
    <t>04/21/2015 12:00:00 AM</t>
  </si>
  <si>
    <t>2.857</t>
  </si>
  <si>
    <t>5871</t>
  </si>
  <si>
    <t>1.3745</t>
  </si>
  <si>
    <t>1.3251</t>
  </si>
  <si>
    <t>1.391</t>
  </si>
  <si>
    <t>22.584</t>
  </si>
  <si>
    <t>2.355</t>
  </si>
  <si>
    <t>6.696</t>
  </si>
  <si>
    <t>2.208</t>
  </si>
  <si>
    <t>3.347</t>
  </si>
  <si>
    <t>3.203</t>
  </si>
  <si>
    <t>46.636</t>
  </si>
  <si>
    <t>46.643</t>
  </si>
  <si>
    <t>2.455</t>
  </si>
  <si>
    <t>2.33</t>
  </si>
  <si>
    <t>3829</t>
  </si>
  <si>
    <t>245.508</t>
  </si>
  <si>
    <t>41.594</t>
  </si>
  <si>
    <t>04/22/2015 12:00:00 AM</t>
  </si>
  <si>
    <t>8697</t>
  </si>
  <si>
    <t>1.335</t>
  </si>
  <si>
    <t>1.506</t>
  </si>
  <si>
    <t>14.282</t>
  </si>
  <si>
    <t>7.136</t>
  </si>
  <si>
    <t>56.554</t>
  </si>
  <si>
    <t>14.06</t>
  </si>
  <si>
    <t>5.93</t>
  </si>
  <si>
    <t>7.947</t>
  </si>
  <si>
    <t>82.007</t>
  </si>
  <si>
    <t>04/23/2015 12:00:00 AM</t>
  </si>
  <si>
    <t>17.5</t>
  </si>
  <si>
    <t>5894</t>
  </si>
  <si>
    <t>4.603</t>
  </si>
  <si>
    <t>4.366</t>
  </si>
  <si>
    <t>102.54</t>
  </si>
  <si>
    <t>9.56</t>
  </si>
  <si>
    <t>1.178</t>
  </si>
  <si>
    <t>2.35</t>
  </si>
  <si>
    <t>3.499</t>
  </si>
  <si>
    <t>300.822</t>
  </si>
  <si>
    <t>3.52</t>
  </si>
  <si>
    <t>3.718</t>
  </si>
  <si>
    <t>1.606</t>
  </si>
  <si>
    <t>04/24/2015 12:00:00 AM</t>
  </si>
  <si>
    <t>2.482</t>
  </si>
  <si>
    <t>2.114</t>
  </si>
  <si>
    <t>1.313</t>
  </si>
  <si>
    <t>2.778</t>
  </si>
  <si>
    <t>1.68</t>
  </si>
  <si>
    <t>5.005</t>
  </si>
  <si>
    <t>GIMNASIO</t>
  </si>
  <si>
    <t>1.275</t>
  </si>
  <si>
    <t>3.384</t>
  </si>
  <si>
    <t>04/25/2015 12:00:00 AM</t>
  </si>
  <si>
    <t>3.34</t>
  </si>
  <si>
    <t>6.206</t>
  </si>
  <si>
    <t>1589</t>
  </si>
  <si>
    <t>1.574</t>
  </si>
  <si>
    <t>2.843</t>
  </si>
  <si>
    <t>3.205</t>
  </si>
  <si>
    <t>14.5</t>
  </si>
  <si>
    <t>1.188</t>
  </si>
  <si>
    <t>51.25</t>
  </si>
  <si>
    <t>04/26/2015 12:00:00 AM</t>
  </si>
  <si>
    <t>6.55</t>
  </si>
  <si>
    <t>1.319</t>
  </si>
  <si>
    <t>2.76</t>
  </si>
  <si>
    <t>19.453</t>
  </si>
  <si>
    <t>3.518</t>
  </si>
  <si>
    <t>04/27/2015 12:00:00 AM</t>
  </si>
  <si>
    <t>1.054</t>
  </si>
  <si>
    <t>14.6</t>
  </si>
  <si>
    <t>1.950.426</t>
  </si>
  <si>
    <t>2.527</t>
  </si>
  <si>
    <t>3.399</t>
  </si>
  <si>
    <t>9.553</t>
  </si>
  <si>
    <t>8.83</t>
  </si>
  <si>
    <t>5.236</t>
  </si>
  <si>
    <t>10.2</t>
  </si>
  <si>
    <t>3.313</t>
  </si>
  <si>
    <t>1.057</t>
  </si>
  <si>
    <t>1.4579</t>
  </si>
  <si>
    <t>13.95</t>
  </si>
  <si>
    <t>04/28/2015 12:00:00 AM</t>
  </si>
  <si>
    <t>2.667</t>
  </si>
  <si>
    <t>8.442</t>
  </si>
  <si>
    <t>2.23</t>
  </si>
  <si>
    <t>36.827</t>
  </si>
  <si>
    <t>4.936</t>
  </si>
  <si>
    <t>1.897</t>
  </si>
  <si>
    <t>4279</t>
  </si>
  <si>
    <t>22363</t>
  </si>
  <si>
    <t>8.6</t>
  </si>
  <si>
    <t>8.59</t>
  </si>
  <si>
    <t>04/29/2015 12:00:00 AM</t>
  </si>
  <si>
    <t>1.89</t>
  </si>
  <si>
    <t>1.336</t>
  </si>
  <si>
    <t>2.962</t>
  </si>
  <si>
    <t>4.877</t>
  </si>
  <si>
    <t>155.975</t>
  </si>
  <si>
    <t>4373</t>
  </si>
  <si>
    <t>13.21</t>
  </si>
  <si>
    <t>291.357</t>
  </si>
  <si>
    <t>197.5</t>
  </si>
  <si>
    <t>2.763</t>
  </si>
  <si>
    <t>5.2</t>
  </si>
  <si>
    <t>04/30/2015 12:00:00 AM</t>
  </si>
  <si>
    <t>13.016</t>
  </si>
  <si>
    <t>05/01/2015 12:00:00 AM</t>
  </si>
  <si>
    <t>2.833</t>
  </si>
  <si>
    <t>2.19</t>
  </si>
  <si>
    <t>701.2</t>
  </si>
  <si>
    <t>10.347</t>
  </si>
  <si>
    <t>47.228</t>
  </si>
  <si>
    <t>1.418</t>
  </si>
  <si>
    <t>37.005</t>
  </si>
  <si>
    <t>4.905</t>
  </si>
  <si>
    <t>1.434</t>
  </si>
  <si>
    <t>15.02</t>
  </si>
  <si>
    <t>3.008</t>
  </si>
  <si>
    <t>1.2917</t>
  </si>
  <si>
    <t>7462</t>
  </si>
  <si>
    <t>1.021</t>
  </si>
  <si>
    <t>74.658</t>
  </si>
  <si>
    <t>2.022</t>
  </si>
  <si>
    <t>2.54</t>
  </si>
  <si>
    <t>3.815</t>
  </si>
  <si>
    <t>1.296</t>
  </si>
  <si>
    <t>886.6</t>
  </si>
  <si>
    <t>11.29</t>
  </si>
  <si>
    <t>1.614</t>
  </si>
  <si>
    <t>05/02/2015 12:00:00 AM</t>
  </si>
  <si>
    <t>224.9</t>
  </si>
  <si>
    <t>7937</t>
  </si>
  <si>
    <t>11.222</t>
  </si>
  <si>
    <t>3.6325</t>
  </si>
  <si>
    <t>32.035</t>
  </si>
  <si>
    <t>2.225</t>
  </si>
  <si>
    <t>2.975</t>
  </si>
  <si>
    <t>1.785</t>
  </si>
  <si>
    <t>05/03/2015 12:00:00 AM</t>
  </si>
  <si>
    <t>1.044.000</t>
  </si>
  <si>
    <t>2.501</t>
  </si>
  <si>
    <t>1.2278</t>
  </si>
  <si>
    <t>92.007</t>
  </si>
  <si>
    <t>2.145</t>
  </si>
  <si>
    <t>123.036</t>
  </si>
  <si>
    <t>9.979</t>
  </si>
  <si>
    <t>2.465</t>
  </si>
  <si>
    <t>MURILLO</t>
  </si>
  <si>
    <t>05/04/2015 12:00:00 AM</t>
  </si>
  <si>
    <t>18.939</t>
  </si>
  <si>
    <t>6453</t>
  </si>
  <si>
    <t>1.1408</t>
  </si>
  <si>
    <t>1.995</t>
  </si>
  <si>
    <t>2.296</t>
  </si>
  <si>
    <t>05/06/2015 12:00:00 AM</t>
  </si>
  <si>
    <t>13.6</t>
  </si>
  <si>
    <t>05/05/2015 12:00:00 AM</t>
  </si>
  <si>
    <t>4108</t>
  </si>
  <si>
    <t>3.142</t>
  </si>
  <si>
    <t>4.533</t>
  </si>
  <si>
    <t>29.14</t>
  </si>
  <si>
    <t>1.075</t>
  </si>
  <si>
    <t>33.99</t>
  </si>
  <si>
    <t>5.5189</t>
  </si>
  <si>
    <t>5.41</t>
  </si>
  <si>
    <t>25.968</t>
  </si>
  <si>
    <t>6807</t>
  </si>
  <si>
    <t>11.7</t>
  </si>
  <si>
    <t>1.499</t>
  </si>
  <si>
    <t>63.037</t>
  </si>
  <si>
    <t>2.31</t>
  </si>
  <si>
    <t>6.21</t>
  </si>
  <si>
    <t>1.006.000</t>
  </si>
  <si>
    <t>2.406</t>
  </si>
  <si>
    <t>1.320.600</t>
  </si>
  <si>
    <t>1.475</t>
  </si>
  <si>
    <t>2.639</t>
  </si>
  <si>
    <t>2.51</t>
  </si>
  <si>
    <t>2.238</t>
  </si>
  <si>
    <t>6.7758</t>
  </si>
  <si>
    <t>6145</t>
  </si>
  <si>
    <t>55.936</t>
  </si>
  <si>
    <t>22.5</t>
  </si>
  <si>
    <t>4.832</t>
  </si>
  <si>
    <t>6.082</t>
  </si>
  <si>
    <t>05/07/2015 12:00:00 AM</t>
  </si>
  <si>
    <t>4857</t>
  </si>
  <si>
    <t>151.48</t>
  </si>
  <si>
    <t>37.87</t>
  </si>
  <si>
    <t>23.5</t>
  </si>
  <si>
    <t>71.71</t>
  </si>
  <si>
    <t>23.07</t>
  </si>
  <si>
    <t>1.229</t>
  </si>
  <si>
    <t>1.577</t>
  </si>
  <si>
    <t>3.855</t>
  </si>
  <si>
    <t>10.07</t>
  </si>
  <si>
    <t>2.203</t>
  </si>
  <si>
    <t>2.991</t>
  </si>
  <si>
    <t>25.398</t>
  </si>
  <si>
    <t>8.227</t>
  </si>
  <si>
    <t>05/08/2015 12:00:00 AM</t>
  </si>
  <si>
    <t>26.859</t>
  </si>
  <si>
    <t>1.837</t>
  </si>
  <si>
    <t>7.365</t>
  </si>
  <si>
    <t>4.729</t>
  </si>
  <si>
    <t>5.99</t>
  </si>
  <si>
    <t>16.925</t>
  </si>
  <si>
    <t>8504</t>
  </si>
  <si>
    <t>1.818</t>
  </si>
  <si>
    <t>3.35</t>
  </si>
  <si>
    <t>6605</t>
  </si>
  <si>
    <t>108.02</t>
  </si>
  <si>
    <t>05/09/2015 12:00:00 AM</t>
  </si>
  <si>
    <t>9292</t>
  </si>
  <si>
    <t>13.837</t>
  </si>
  <si>
    <t>1.839</t>
  </si>
  <si>
    <t>2.322</t>
  </si>
  <si>
    <t>4.785</t>
  </si>
  <si>
    <t>3.005</t>
  </si>
  <si>
    <t>11.905</t>
  </si>
  <si>
    <t>9.302</t>
  </si>
  <si>
    <t>1.61</t>
  </si>
  <si>
    <t>1.266</t>
  </si>
  <si>
    <t>1.925</t>
  </si>
  <si>
    <t>56.123</t>
  </si>
  <si>
    <t>46.765</t>
  </si>
  <si>
    <t>05/10/2015 12:00:00 AM</t>
  </si>
  <si>
    <t>SOCOTÁ</t>
  </si>
  <si>
    <t>1.482</t>
  </si>
  <si>
    <t>3.97</t>
  </si>
  <si>
    <t>300.013</t>
  </si>
  <si>
    <t>05/11/2015 12:00:00 AM</t>
  </si>
  <si>
    <t>7.025</t>
  </si>
  <si>
    <t>5982</t>
  </si>
  <si>
    <t>1.193</t>
  </si>
  <si>
    <t>3.39</t>
  </si>
  <si>
    <t>21.463</t>
  </si>
  <si>
    <t>6.8123</t>
  </si>
  <si>
    <t>4.839</t>
  </si>
  <si>
    <t>183.094</t>
  </si>
  <si>
    <t>7.347</t>
  </si>
  <si>
    <t>3286</t>
  </si>
  <si>
    <t>16.032</t>
  </si>
  <si>
    <t>05/12/2015 12:00:00 AM</t>
  </si>
  <si>
    <t>7.469</t>
  </si>
  <si>
    <t>11.564</t>
  </si>
  <si>
    <t>3.541</t>
  </si>
  <si>
    <t>6.03</t>
  </si>
  <si>
    <t>12.44</t>
  </si>
  <si>
    <t>2.81</t>
  </si>
  <si>
    <t>2.018</t>
  </si>
  <si>
    <t>5.333</t>
  </si>
  <si>
    <t>2.133</t>
  </si>
  <si>
    <t>2.567</t>
  </si>
  <si>
    <t>05/13/2015 12:00:00 AM</t>
  </si>
  <si>
    <t>1.654</t>
  </si>
  <si>
    <t>13.101</t>
  </si>
  <si>
    <t>293.79</t>
  </si>
  <si>
    <t>7.203</t>
  </si>
  <si>
    <t>6.555</t>
  </si>
  <si>
    <t>5.715</t>
  </si>
  <si>
    <t>1.435.000</t>
  </si>
  <si>
    <t>6.6</t>
  </si>
  <si>
    <t>4.825</t>
  </si>
  <si>
    <t>1.274</t>
  </si>
  <si>
    <t>17635</t>
  </si>
  <si>
    <t>858.1</t>
  </si>
  <si>
    <t>2.153</t>
  </si>
  <si>
    <t>6.545</t>
  </si>
  <si>
    <t>2.078</t>
  </si>
  <si>
    <t>81.17</t>
  </si>
  <si>
    <t>05/14/2015 12:00:00 AM</t>
  </si>
  <si>
    <t>1.1243</t>
  </si>
  <si>
    <t>1.164</t>
  </si>
  <si>
    <t>1.453</t>
  </si>
  <si>
    <t>7.062</t>
  </si>
  <si>
    <t>443.2</t>
  </si>
  <si>
    <t>4713</t>
  </si>
  <si>
    <t>89.265</t>
  </si>
  <si>
    <t>30.765</t>
  </si>
  <si>
    <t>162.2</t>
  </si>
  <si>
    <t>17.675</t>
  </si>
  <si>
    <t>14.526</t>
  </si>
  <si>
    <t>3.052</t>
  </si>
  <si>
    <t>05/15/2015 12:00:00 AM</t>
  </si>
  <si>
    <t>6.678</t>
  </si>
  <si>
    <t>42.179</t>
  </si>
  <si>
    <t>5.421</t>
  </si>
  <si>
    <t>2.85</t>
  </si>
  <si>
    <t>4.57</t>
  </si>
  <si>
    <t>5.968</t>
  </si>
  <si>
    <t>18.045</t>
  </si>
  <si>
    <t>1.045</t>
  </si>
  <si>
    <t>4.196</t>
  </si>
  <si>
    <t>1.773.000</t>
  </si>
  <si>
    <t>23.472</t>
  </si>
  <si>
    <t>24.874</t>
  </si>
  <si>
    <t>2.289</t>
  </si>
  <si>
    <t>9.532</t>
  </si>
  <si>
    <t>05/16/2015 12:00:00 AM</t>
  </si>
  <si>
    <t>42.588</t>
  </si>
  <si>
    <t>49.6</t>
  </si>
  <si>
    <t>1.146</t>
  </si>
  <si>
    <t>2.56</t>
  </si>
  <si>
    <t>17.651</t>
  </si>
  <si>
    <t>1.444</t>
  </si>
  <si>
    <t>5.15</t>
  </si>
  <si>
    <t>1.121</t>
  </si>
  <si>
    <t>05/17/2015 12:00:00 AM</t>
  </si>
  <si>
    <t>6034</t>
  </si>
  <si>
    <t>2.057</t>
  </si>
  <si>
    <t>1.535</t>
  </si>
  <si>
    <t>12.65</t>
  </si>
  <si>
    <t>55.137</t>
  </si>
  <si>
    <t>05/18/2015 12:00:00 AM</t>
  </si>
  <si>
    <t>7875</t>
  </si>
  <si>
    <t>46.388</t>
  </si>
  <si>
    <t>3.89</t>
  </si>
  <si>
    <t>2.515</t>
  </si>
  <si>
    <t>05/19/2015 12:00:00 AM</t>
  </si>
  <si>
    <t>4931</t>
  </si>
  <si>
    <t>3.909</t>
  </si>
  <si>
    <t>1.755</t>
  </si>
  <si>
    <t>05/20/2015 12:00:00 AM</t>
  </si>
  <si>
    <t>18.822</t>
  </si>
  <si>
    <t>2.219</t>
  </si>
  <si>
    <t>2.021</t>
  </si>
  <si>
    <t>8.574</t>
  </si>
  <si>
    <t>5.52</t>
  </si>
  <si>
    <t>3952</t>
  </si>
  <si>
    <t>05/21/2015 12:00:00 AM</t>
  </si>
  <si>
    <t>18.7</t>
  </si>
  <si>
    <t>1.546</t>
  </si>
  <si>
    <t>10.171</t>
  </si>
  <si>
    <t>282.03</t>
  </si>
  <si>
    <t>23.497</t>
  </si>
  <si>
    <t>5.826</t>
  </si>
  <si>
    <t>1782</t>
  </si>
  <si>
    <t>12.777</t>
  </si>
  <si>
    <t>3.275</t>
  </si>
  <si>
    <t>112.177</t>
  </si>
  <si>
    <t>26.456</t>
  </si>
  <si>
    <t>11.4</t>
  </si>
  <si>
    <t>05/22/2015 12:00:00 AM</t>
  </si>
  <si>
    <t>1.367</t>
  </si>
  <si>
    <t>1.447</t>
  </si>
  <si>
    <t>ESTACION TRANSMILENIO RICAURTE (CLL 13)</t>
  </si>
  <si>
    <t>1.29</t>
  </si>
  <si>
    <t>9.327</t>
  </si>
  <si>
    <t>1.208</t>
  </si>
  <si>
    <t>100.754</t>
  </si>
  <si>
    <t>9.15</t>
  </si>
  <si>
    <t>1.514</t>
  </si>
  <si>
    <t>101.518</t>
  </si>
  <si>
    <t>05/23/2015 12:00:00 AM</t>
  </si>
  <si>
    <t>3.19</t>
  </si>
  <si>
    <t>43.6</t>
  </si>
  <si>
    <t>2.655</t>
  </si>
  <si>
    <t>4.091</t>
  </si>
  <si>
    <t>2.295</t>
  </si>
  <si>
    <t>1.41</t>
  </si>
  <si>
    <t>87.57</t>
  </si>
  <si>
    <t>05/24/2015 12:00:00 AM</t>
  </si>
  <si>
    <t>1.705</t>
  </si>
  <si>
    <t>3561</t>
  </si>
  <si>
    <t>1.600.000</t>
  </si>
  <si>
    <t>4.21</t>
  </si>
  <si>
    <t>17.4</t>
  </si>
  <si>
    <t>7.9</t>
  </si>
  <si>
    <t>16.566</t>
  </si>
  <si>
    <t>14.164</t>
  </si>
  <si>
    <t>5.075</t>
  </si>
  <si>
    <t>5.277</t>
  </si>
  <si>
    <t>6.401</t>
  </si>
  <si>
    <t>05/25/2015 12:00:00 AM</t>
  </si>
  <si>
    <t>1.69</t>
  </si>
  <si>
    <t>4.117</t>
  </si>
  <si>
    <t>2.705</t>
  </si>
  <si>
    <t>1.533</t>
  </si>
  <si>
    <t>1.540.000</t>
  </si>
  <si>
    <t>1.987</t>
  </si>
  <si>
    <t>2.628</t>
  </si>
  <si>
    <t>05/26/2015 12:00:00 AM</t>
  </si>
  <si>
    <t>6227</t>
  </si>
  <si>
    <t>1.0752</t>
  </si>
  <si>
    <t>3.031</t>
  </si>
  <si>
    <t>9.88</t>
  </si>
  <si>
    <t>3.935</t>
  </si>
  <si>
    <t>7166</t>
  </si>
  <si>
    <t>1.721</t>
  </si>
  <si>
    <t>2.885</t>
  </si>
  <si>
    <t>1.761</t>
  </si>
  <si>
    <t>ESTACION TRANSMILENIO VENECIA</t>
  </si>
  <si>
    <t>2.34</t>
  </si>
  <si>
    <t>05/28/2015 12:00:00 AM</t>
  </si>
  <si>
    <t>40137</t>
  </si>
  <si>
    <t>451.015</t>
  </si>
  <si>
    <t>351.065</t>
  </si>
  <si>
    <t>135.025</t>
  </si>
  <si>
    <t>1.150.000</t>
  </si>
  <si>
    <t>1.679</t>
  </si>
  <si>
    <t>1.5029</t>
  </si>
  <si>
    <t>05/27/2015 12:00:00 AM</t>
  </si>
  <si>
    <t>5726</t>
  </si>
  <si>
    <t>1.309</t>
  </si>
  <si>
    <t>1.1338</t>
  </si>
  <si>
    <t>871.966</t>
  </si>
  <si>
    <t>53.2</t>
  </si>
  <si>
    <t>9.06</t>
  </si>
  <si>
    <t>2.22</t>
  </si>
  <si>
    <t>2.458</t>
  </si>
  <si>
    <t>545.096</t>
  </si>
  <si>
    <t>5.668</t>
  </si>
  <si>
    <t>6.63</t>
  </si>
  <si>
    <t>4601</t>
  </si>
  <si>
    <t>1.245</t>
  </si>
  <si>
    <t>5.72</t>
  </si>
  <si>
    <t>6.674</t>
  </si>
  <si>
    <t>7.315</t>
  </si>
  <si>
    <t>31.9</t>
  </si>
  <si>
    <t>52.5</t>
  </si>
  <si>
    <t>2.13</t>
  </si>
  <si>
    <t>634.3</t>
  </si>
  <si>
    <t>3.017</t>
  </si>
  <si>
    <t>5.361</t>
  </si>
  <si>
    <t>2.797</t>
  </si>
  <si>
    <t>4.813</t>
  </si>
  <si>
    <t>1.017</t>
  </si>
  <si>
    <t>2.163</t>
  </si>
  <si>
    <t>4.4122</t>
  </si>
  <si>
    <t>1.003</t>
  </si>
  <si>
    <t>7.843</t>
  </si>
  <si>
    <t>05/29/2015 12:00:00 AM</t>
  </si>
  <si>
    <t>2.0377</t>
  </si>
  <si>
    <t>1.42</t>
  </si>
  <si>
    <t>497.482</t>
  </si>
  <si>
    <t>1.592</t>
  </si>
  <si>
    <t>12.092</t>
  </si>
  <si>
    <t>85.5</t>
  </si>
  <si>
    <t>1.572</t>
  </si>
  <si>
    <t>1.773</t>
  </si>
  <si>
    <t>8.055</t>
  </si>
  <si>
    <t>29.69</t>
  </si>
  <si>
    <t>10.155</t>
  </si>
  <si>
    <t>2677</t>
  </si>
  <si>
    <t>414.35</t>
  </si>
  <si>
    <t>7.44</t>
  </si>
  <si>
    <t>4.288</t>
  </si>
  <si>
    <t>05/30/2015 12:00:00 AM</t>
  </si>
  <si>
    <t>1.287</t>
  </si>
  <si>
    <t>3.018</t>
  </si>
  <si>
    <t>9483</t>
  </si>
  <si>
    <t>6.684</t>
  </si>
  <si>
    <t>ESTACION TRANSMILENIO PORTAL DE SUBA</t>
  </si>
  <si>
    <t>1.887</t>
  </si>
  <si>
    <t>1.607</t>
  </si>
  <si>
    <t>05/31/2015 12:00:00 AM</t>
  </si>
  <si>
    <t>1.0838</t>
  </si>
  <si>
    <t>1.98</t>
  </si>
  <si>
    <t>2.06</t>
  </si>
  <si>
    <t>1.28</t>
  </si>
  <si>
    <t>211.134</t>
  </si>
  <si>
    <t>1.375</t>
  </si>
  <si>
    <t>06/01/2015 12:00:00 AM</t>
  </si>
  <si>
    <t>1.156</t>
  </si>
  <si>
    <t>3.889</t>
  </si>
  <si>
    <t>2.786</t>
  </si>
  <si>
    <t>1.605</t>
  </si>
  <si>
    <t>1.405</t>
  </si>
  <si>
    <t>136.122</t>
  </si>
  <si>
    <t>11.08</t>
  </si>
  <si>
    <t>5.165</t>
  </si>
  <si>
    <t>06/02/2015 12:00:00 AM</t>
  </si>
  <si>
    <t>3.59</t>
  </si>
  <si>
    <t>109.677</t>
  </si>
  <si>
    <t>1.0713</t>
  </si>
  <si>
    <t>24.19</t>
  </si>
  <si>
    <t>ESTACION TRANSMILENIO PORTAL 20 DE JULIO</t>
  </si>
  <si>
    <t>ESTACION TRANSMILENIO RICAURTE (CRA 30)</t>
  </si>
  <si>
    <t>2.96</t>
  </si>
  <si>
    <t>43.806</t>
  </si>
  <si>
    <t>13.388</t>
  </si>
  <si>
    <t>20.045</t>
  </si>
  <si>
    <t>06/03/2015 12:00:00 AM</t>
  </si>
  <si>
    <t>5193</t>
  </si>
  <si>
    <t>15.218</t>
  </si>
  <si>
    <t>3.2945</t>
  </si>
  <si>
    <t>62.075</t>
  </si>
  <si>
    <t>4.138</t>
  </si>
  <si>
    <t>1.554</t>
  </si>
  <si>
    <t>1.026</t>
  </si>
  <si>
    <t>4.323</t>
  </si>
  <si>
    <t>2.104</t>
  </si>
  <si>
    <t>12.241</t>
  </si>
  <si>
    <t>2.525</t>
  </si>
  <si>
    <t>06/04/2015 12:00:00 AM</t>
  </si>
  <si>
    <t>2654</t>
  </si>
  <si>
    <t>1.022</t>
  </si>
  <si>
    <t>55.018</t>
  </si>
  <si>
    <t>1.185</t>
  </si>
  <si>
    <t>ESTACION TRANSMILENIO CRA 47</t>
  </si>
  <si>
    <t>5.581</t>
  </si>
  <si>
    <t>5.8</t>
  </si>
  <si>
    <t>36.645</t>
  </si>
  <si>
    <t>06/05/2015 12:00:00 AM</t>
  </si>
  <si>
    <t>6924</t>
  </si>
  <si>
    <t>7.8317</t>
  </si>
  <si>
    <t>1.921</t>
  </si>
  <si>
    <t>20.542</t>
  </si>
  <si>
    <t>2.852</t>
  </si>
  <si>
    <t>4.64</t>
  </si>
  <si>
    <t>22567</t>
  </si>
  <si>
    <t>13.785</t>
  </si>
  <si>
    <t>41.316</t>
  </si>
  <si>
    <t>06/06/2015 12:00:00 AM</t>
  </si>
  <si>
    <t>3664</t>
  </si>
  <si>
    <t>1.3074</t>
  </si>
  <si>
    <t>27.33</t>
  </si>
  <si>
    <t>1.34</t>
  </si>
  <si>
    <t>3.006</t>
  </si>
  <si>
    <t>ESTACION TRANSMILENIO PORTAL TUNAL</t>
  </si>
  <si>
    <t>14.183</t>
  </si>
  <si>
    <t>101.1</t>
  </si>
  <si>
    <t>341.9</t>
  </si>
  <si>
    <t>558.9</t>
  </si>
  <si>
    <t>2.228</t>
  </si>
  <si>
    <t>35.28</t>
  </si>
  <si>
    <t>1.331</t>
  </si>
  <si>
    <t>06/07/2015 12:00:00 AM</t>
  </si>
  <si>
    <t>1.425</t>
  </si>
  <si>
    <t>3.95</t>
  </si>
  <si>
    <t>79.354</t>
  </si>
  <si>
    <t>1.613</t>
  </si>
  <si>
    <t>4922</t>
  </si>
  <si>
    <t>06/08/2015 12:00:00 AM</t>
  </si>
  <si>
    <t>1.355</t>
  </si>
  <si>
    <t>105.01</t>
  </si>
  <si>
    <t>1.88</t>
  </si>
  <si>
    <t>3.061</t>
  </si>
  <si>
    <t>1.157</t>
  </si>
  <si>
    <t>3.845</t>
  </si>
  <si>
    <t>21.33</t>
  </si>
  <si>
    <t>100.003</t>
  </si>
  <si>
    <t>4.883</t>
  </si>
  <si>
    <t>06/09/2015 12:00:00 AM</t>
  </si>
  <si>
    <t>06/10/2015 12:00:00 AM</t>
  </si>
  <si>
    <t>5.012</t>
  </si>
  <si>
    <t>2.794</t>
  </si>
  <si>
    <t>5.562</t>
  </si>
  <si>
    <t>5.819</t>
  </si>
  <si>
    <t>6.671</t>
  </si>
  <si>
    <t>65.77</t>
  </si>
  <si>
    <t>1.33</t>
  </si>
  <si>
    <t>16289</t>
  </si>
  <si>
    <t>5.262</t>
  </si>
  <si>
    <t>2.205</t>
  </si>
  <si>
    <t>5.305</t>
  </si>
  <si>
    <t>118.102</t>
  </si>
  <si>
    <t>7969</t>
  </si>
  <si>
    <t>115.68</t>
  </si>
  <si>
    <t>123.5</t>
  </si>
  <si>
    <t>06/11/2015 12:00:00 AM</t>
  </si>
  <si>
    <t>1.497</t>
  </si>
  <si>
    <t>1.374</t>
  </si>
  <si>
    <t>4.475</t>
  </si>
  <si>
    <t>1.71</t>
  </si>
  <si>
    <t>6.44</t>
  </si>
  <si>
    <t>1.738</t>
  </si>
  <si>
    <t>1.320.000</t>
  </si>
  <si>
    <t>2.78</t>
  </si>
  <si>
    <t>18.84</t>
  </si>
  <si>
    <t>7.2</t>
  </si>
  <si>
    <t>2.645</t>
  </si>
  <si>
    <t>06/12/2015 12:00:00 AM</t>
  </si>
  <si>
    <t>4152</t>
  </si>
  <si>
    <t>4.958</t>
  </si>
  <si>
    <t>11.709</t>
  </si>
  <si>
    <t>7.06</t>
  </si>
  <si>
    <t>3.12</t>
  </si>
  <si>
    <t>25.102</t>
  </si>
  <si>
    <t>1.826</t>
  </si>
  <si>
    <t>12.275</t>
  </si>
  <si>
    <t>1.9592</t>
  </si>
  <si>
    <t>14.101</t>
  </si>
  <si>
    <t>1.600.015</t>
  </si>
  <si>
    <t>7.625</t>
  </si>
  <si>
    <t>06/13/2015 12:00:00 AM</t>
  </si>
  <si>
    <t>1.347</t>
  </si>
  <si>
    <t>3.107</t>
  </si>
  <si>
    <t>4.896</t>
  </si>
  <si>
    <t>15.401</t>
  </si>
  <si>
    <t>2.47</t>
  </si>
  <si>
    <t>4.675</t>
  </si>
  <si>
    <t>50956</t>
  </si>
  <si>
    <t>22.97</t>
  </si>
  <si>
    <t>3.763</t>
  </si>
  <si>
    <t>3.708</t>
  </si>
  <si>
    <t>2.825</t>
  </si>
  <si>
    <t>401.065</t>
  </si>
  <si>
    <t>06/14/2015 12:00:00 AM</t>
  </si>
  <si>
    <t>270.49</t>
  </si>
  <si>
    <t>28.775</t>
  </si>
  <si>
    <t>2.535</t>
  </si>
  <si>
    <t>587.76</t>
  </si>
  <si>
    <t>15.512</t>
  </si>
  <si>
    <t>8.085</t>
  </si>
  <si>
    <t>06/15/2015 12:00:00 AM</t>
  </si>
  <si>
    <t>3412</t>
  </si>
  <si>
    <t>1.513</t>
  </si>
  <si>
    <t>1.848.000</t>
  </si>
  <si>
    <t>2.6026</t>
  </si>
  <si>
    <t>3.624</t>
  </si>
  <si>
    <t>9.233</t>
  </si>
  <si>
    <t>06/16/2015 12:00:00 AM</t>
  </si>
  <si>
    <t>2696</t>
  </si>
  <si>
    <t>4.9528</t>
  </si>
  <si>
    <t>13.688</t>
  </si>
  <si>
    <t>20.1</t>
  </si>
  <si>
    <t>1.395</t>
  </si>
  <si>
    <t>ESTACION TRANSMILENIO AV. EL DORADO</t>
  </si>
  <si>
    <t>ESTACION TRANSMILENIO UNIVERSIDADES</t>
  </si>
  <si>
    <t>6.669</t>
  </si>
  <si>
    <t>89.78</t>
  </si>
  <si>
    <t>06/17/2015 12:00:00 AM</t>
  </si>
  <si>
    <t>82.5</t>
  </si>
  <si>
    <t>22.08</t>
  </si>
  <si>
    <t>1.4869</t>
  </si>
  <si>
    <t>7.565</t>
  </si>
  <si>
    <t>3.448</t>
  </si>
  <si>
    <t>1.118</t>
  </si>
  <si>
    <t>1.407</t>
  </si>
  <si>
    <t>06/18/2015 12:00:00 AM</t>
  </si>
  <si>
    <t>3743</t>
  </si>
  <si>
    <t>6.43</t>
  </si>
  <si>
    <t>3.547</t>
  </si>
  <si>
    <t>8.9</t>
  </si>
  <si>
    <t>2.122</t>
  </si>
  <si>
    <t>06/19/2015 12:00:00 AM</t>
  </si>
  <si>
    <t>49.29</t>
  </si>
  <si>
    <t>35068</t>
  </si>
  <si>
    <t>1.945</t>
  </si>
  <si>
    <t>ESTACION TRANSMILENIO PROFAMILIA</t>
  </si>
  <si>
    <t>3.55</t>
  </si>
  <si>
    <t>14.18</t>
  </si>
  <si>
    <t>7.4901</t>
  </si>
  <si>
    <t>60.7</t>
  </si>
  <si>
    <t>06/20/2015 12:00:00 AM</t>
  </si>
  <si>
    <t>2.174</t>
  </si>
  <si>
    <t>24.586</t>
  </si>
  <si>
    <t>1.366</t>
  </si>
  <si>
    <t>2.781</t>
  </si>
  <si>
    <t>2.91</t>
  </si>
  <si>
    <t>1.316</t>
  </si>
  <si>
    <t>319.9</t>
  </si>
  <si>
    <t>13.47</t>
  </si>
  <si>
    <t>06/21/2015 12:00:00 AM</t>
  </si>
  <si>
    <t>1.495</t>
  </si>
  <si>
    <t>1.267</t>
  </si>
  <si>
    <t>6708</t>
  </si>
  <si>
    <t>1.1849</t>
  </si>
  <si>
    <t>210.068</t>
  </si>
  <si>
    <t>24.9</t>
  </si>
  <si>
    <t>06/22/2015 12:00:00 AM</t>
  </si>
  <si>
    <t>7.744</t>
  </si>
  <si>
    <t>33.4</t>
  </si>
  <si>
    <t>ESTACION TRANSMILENIO PEPE SIERRA</t>
  </si>
  <si>
    <t>2.37</t>
  </si>
  <si>
    <t>1.097</t>
  </si>
  <si>
    <t>06/23/2015 12:00:00 AM</t>
  </si>
  <si>
    <t>34.37</t>
  </si>
  <si>
    <t>146.47</t>
  </si>
  <si>
    <t>5.233</t>
  </si>
  <si>
    <t>1322</t>
  </si>
  <si>
    <t>2.05</t>
  </si>
  <si>
    <t>19.008</t>
  </si>
  <si>
    <t>06/24/2015 12:00:00 AM</t>
  </si>
  <si>
    <t>4432</t>
  </si>
  <si>
    <t>4.216</t>
  </si>
  <si>
    <t>6.509</t>
  </si>
  <si>
    <t>1.295</t>
  </si>
  <si>
    <t>1.041</t>
  </si>
  <si>
    <t>4.245</t>
  </si>
  <si>
    <t>1.998</t>
  </si>
  <si>
    <t>10.43</t>
  </si>
  <si>
    <t>4.03</t>
  </si>
  <si>
    <t>12.725</t>
  </si>
  <si>
    <t>2684</t>
  </si>
  <si>
    <t>70.086</t>
  </si>
  <si>
    <t>06/25/2015 12:00:00 AM</t>
  </si>
  <si>
    <t>1.196</t>
  </si>
  <si>
    <t>8.436</t>
  </si>
  <si>
    <t>7.391</t>
  </si>
  <si>
    <t>22.121</t>
  </si>
  <si>
    <t>3.599</t>
  </si>
  <si>
    <t>6.586</t>
  </si>
  <si>
    <t>ESTACION TRANSMILENIO PORTAL DE LA 80</t>
  </si>
  <si>
    <t>11.756</t>
  </si>
  <si>
    <t>7484</t>
  </si>
  <si>
    <t>8.24</t>
  </si>
  <si>
    <t>1.111</t>
  </si>
  <si>
    <t>5.386</t>
  </si>
  <si>
    <t>1.766</t>
  </si>
  <si>
    <t>53.028</t>
  </si>
  <si>
    <t>06/26/2015 12:00:00 AM</t>
  </si>
  <si>
    <t>1.36</t>
  </si>
  <si>
    <t>4.037</t>
  </si>
  <si>
    <t>326.371</t>
  </si>
  <si>
    <t>2.59</t>
  </si>
  <si>
    <t>7.541</t>
  </si>
  <si>
    <t>25.91</t>
  </si>
  <si>
    <t>2.754</t>
  </si>
  <si>
    <t>6.587</t>
  </si>
  <si>
    <t>3528</t>
  </si>
  <si>
    <t>99.1</t>
  </si>
  <si>
    <t>221.63</t>
  </si>
  <si>
    <t>5.412</t>
  </si>
  <si>
    <t>137.439</t>
  </si>
  <si>
    <t>8.67</t>
  </si>
  <si>
    <t>06/27/2015 12:00:00 AM</t>
  </si>
  <si>
    <t>14.94</t>
  </si>
  <si>
    <t>3.31</t>
  </si>
  <si>
    <t>37.4</t>
  </si>
  <si>
    <t>06/28/2015 12:00:00 AM</t>
  </si>
  <si>
    <t>2722</t>
  </si>
  <si>
    <t>1.5407</t>
  </si>
  <si>
    <t>1.779</t>
  </si>
  <si>
    <t>7466</t>
  </si>
  <si>
    <t>06/29/2015 12:00:00 AM</t>
  </si>
  <si>
    <t>3.22</t>
  </si>
  <si>
    <t>4.404</t>
  </si>
  <si>
    <t>4.989</t>
  </si>
  <si>
    <t>1.207</t>
  </si>
  <si>
    <t>06/30/2015 12:00:00 AM</t>
  </si>
  <si>
    <t>2.722</t>
  </si>
  <si>
    <t>10.194</t>
  </si>
  <si>
    <t>15.0515</t>
  </si>
  <si>
    <t>3.82</t>
  </si>
  <si>
    <t>1.181</t>
  </si>
  <si>
    <t>10.4</t>
  </si>
  <si>
    <t>6.31</t>
  </si>
  <si>
    <t>82.082</t>
  </si>
  <si>
    <t>10.62</t>
  </si>
  <si>
    <t>07/01/2015 12:00:00 AM</t>
  </si>
  <si>
    <t>2.576</t>
  </si>
  <si>
    <t>5663</t>
  </si>
  <si>
    <t>1.3594</t>
  </si>
  <si>
    <t>2.17</t>
  </si>
  <si>
    <t>2.267</t>
  </si>
  <si>
    <t>1.659</t>
  </si>
  <si>
    <t>8.725</t>
  </si>
  <si>
    <t>07/03/2015 12:00:00 AM</t>
  </si>
  <si>
    <t>1.037</t>
  </si>
  <si>
    <t>3.96</t>
  </si>
  <si>
    <t>25.067</t>
  </si>
  <si>
    <t>07/02/2015 12:00:00 AM</t>
  </si>
  <si>
    <t>16.6483</t>
  </si>
  <si>
    <t>1.3118</t>
  </si>
  <si>
    <t>3.4557</t>
  </si>
  <si>
    <t>3.9759</t>
  </si>
  <si>
    <t>3764</t>
  </si>
  <si>
    <t>3628</t>
  </si>
  <si>
    <t>3.583</t>
  </si>
  <si>
    <t>1.961</t>
  </si>
  <si>
    <t>1.0285</t>
  </si>
  <si>
    <t>4.28</t>
  </si>
  <si>
    <t>7.306</t>
  </si>
  <si>
    <t>1.622</t>
  </si>
  <si>
    <t>350.181</t>
  </si>
  <si>
    <t>1.517</t>
  </si>
  <si>
    <t>25.042</t>
  </si>
  <si>
    <t>22.176</t>
  </si>
  <si>
    <t>1.477</t>
  </si>
  <si>
    <t>12.055</t>
  </si>
  <si>
    <t>111.401</t>
  </si>
  <si>
    <t>07/04/2015 12:00:00 AM</t>
  </si>
  <si>
    <t>SANTA HELENA DEL OPÓN</t>
  </si>
  <si>
    <t>1.700.000</t>
  </si>
  <si>
    <t>300.035</t>
  </si>
  <si>
    <t>1.0839</t>
  </si>
  <si>
    <t>3087</t>
  </si>
  <si>
    <t>2.72</t>
  </si>
  <si>
    <t>1.591</t>
  </si>
  <si>
    <t>2.325</t>
  </si>
  <si>
    <t>12.255</t>
  </si>
  <si>
    <t>10166</t>
  </si>
  <si>
    <t>20.916</t>
  </si>
  <si>
    <t>07/05/2015 12:00:00 AM</t>
  </si>
  <si>
    <t>4404</t>
  </si>
  <si>
    <t>1.459</t>
  </si>
  <si>
    <t>1.095</t>
  </si>
  <si>
    <t>1.652</t>
  </si>
  <si>
    <t>19.106</t>
  </si>
  <si>
    <t>07/06/2015 12:00:00 AM</t>
  </si>
  <si>
    <t>5836</t>
  </si>
  <si>
    <t>3.082.000</t>
  </si>
  <si>
    <t>ESTACION TRANSMILENIO ESCUELA MILITAR</t>
  </si>
  <si>
    <t>4.771</t>
  </si>
  <si>
    <t>114.456</t>
  </si>
  <si>
    <t>5.702</t>
  </si>
  <si>
    <t>6.042</t>
  </si>
  <si>
    <t>07/07/2015 12:00:00 AM</t>
  </si>
  <si>
    <t>1.66</t>
  </si>
  <si>
    <t>2.49</t>
  </si>
  <si>
    <t>3.667</t>
  </si>
  <si>
    <t>5.225</t>
  </si>
  <si>
    <t>11.656</t>
  </si>
  <si>
    <t>36.35</t>
  </si>
  <si>
    <t>3.29</t>
  </si>
  <si>
    <t>5.06</t>
  </si>
  <si>
    <t>70.413</t>
  </si>
  <si>
    <t>35.025</t>
  </si>
  <si>
    <t>70.025</t>
  </si>
  <si>
    <t>143.744</t>
  </si>
  <si>
    <t>07/08/2015 12:00:00 AM</t>
  </si>
  <si>
    <t>1.647</t>
  </si>
  <si>
    <t>1.327</t>
  </si>
  <si>
    <t>3.356</t>
  </si>
  <si>
    <t>1.189</t>
  </si>
  <si>
    <t>7.78</t>
  </si>
  <si>
    <t>2.272</t>
  </si>
  <si>
    <t>23.1</t>
  </si>
  <si>
    <t>2.268</t>
  </si>
  <si>
    <t>60.385</t>
  </si>
  <si>
    <t>57.28</t>
  </si>
  <si>
    <t>69.276</t>
  </si>
  <si>
    <t>4.796</t>
  </si>
  <si>
    <t>1.077</t>
  </si>
  <si>
    <t>23.32</t>
  </si>
  <si>
    <t>07/09/2015 12:00:00 AM</t>
  </si>
  <si>
    <t>3719</t>
  </si>
  <si>
    <t>9.07</t>
  </si>
  <si>
    <t>29.404</t>
  </si>
  <si>
    <t>8787</t>
  </si>
  <si>
    <t>81.5518</t>
  </si>
  <si>
    <t>16.855</t>
  </si>
  <si>
    <t>30.027</t>
  </si>
  <si>
    <t>10.029</t>
  </si>
  <si>
    <t>10.095</t>
  </si>
  <si>
    <t>07/10/2015 12:00:00 AM</t>
  </si>
  <si>
    <t>7693</t>
  </si>
  <si>
    <t>23.008</t>
  </si>
  <si>
    <t>2.761</t>
  </si>
  <si>
    <t>6.45</t>
  </si>
  <si>
    <t>1.455</t>
  </si>
  <si>
    <t>2.056</t>
  </si>
  <si>
    <t>1.138</t>
  </si>
  <si>
    <t>24.025</t>
  </si>
  <si>
    <t>185.8</t>
  </si>
  <si>
    <t>07/11/2015 12:00:00 AM</t>
  </si>
  <si>
    <t>2.97</t>
  </si>
  <si>
    <t>600.2</t>
  </si>
  <si>
    <t>301.156</t>
  </si>
  <si>
    <t>1.892</t>
  </si>
  <si>
    <t>214.032</t>
  </si>
  <si>
    <t>07/12/2015 12:00:00 AM</t>
  </si>
  <si>
    <t>7613</t>
  </si>
  <si>
    <t>30.834</t>
  </si>
  <si>
    <t>07/13/2015 12:00:00 AM</t>
  </si>
  <si>
    <t>9805</t>
  </si>
  <si>
    <t>2.1071</t>
  </si>
  <si>
    <t>143.056</t>
  </si>
  <si>
    <t>4.916</t>
  </si>
  <si>
    <t>1.57</t>
  </si>
  <si>
    <t>1.315</t>
  </si>
  <si>
    <t>07/14/2015 12:00:00 AM</t>
  </si>
  <si>
    <t>10.519</t>
  </si>
  <si>
    <t>1.7145</t>
  </si>
  <si>
    <t>1.4246</t>
  </si>
  <si>
    <t>1.536</t>
  </si>
  <si>
    <t>1.242</t>
  </si>
  <si>
    <t>11.388</t>
  </si>
  <si>
    <t>1.834</t>
  </si>
  <si>
    <t>3.234</t>
  </si>
  <si>
    <t>07/15/2015 12:00:00 AM</t>
  </si>
  <si>
    <t>1.5817</t>
  </si>
  <si>
    <t>19.243</t>
  </si>
  <si>
    <t>4.182</t>
  </si>
  <si>
    <t>58.655</t>
  </si>
  <si>
    <t>5439</t>
  </si>
  <si>
    <t>07/16/2015 12:00:00 AM</t>
  </si>
  <si>
    <t>5.01</t>
  </si>
  <si>
    <t>159.35</t>
  </si>
  <si>
    <t>2.482.000</t>
  </si>
  <si>
    <t>4.617</t>
  </si>
  <si>
    <t>CAFE INTERNET</t>
  </si>
  <si>
    <t>14.262</t>
  </si>
  <si>
    <t>1.821</t>
  </si>
  <si>
    <t>22.252</t>
  </si>
  <si>
    <t>209.876</t>
  </si>
  <si>
    <t>19.238</t>
  </si>
  <si>
    <t>07/17/2015 12:00:00 AM</t>
  </si>
  <si>
    <t>25.74</t>
  </si>
  <si>
    <t>2.69</t>
  </si>
  <si>
    <t>5.265</t>
  </si>
  <si>
    <t>1.484</t>
  </si>
  <si>
    <t>1.757</t>
  </si>
  <si>
    <t>4.109</t>
  </si>
  <si>
    <t>11.586</t>
  </si>
  <si>
    <t>07/18/2015 12:00:00 AM</t>
  </si>
  <si>
    <t>2.120.000</t>
  </si>
  <si>
    <t>4.186</t>
  </si>
  <si>
    <t>108.2</t>
  </si>
  <si>
    <t>7.6</t>
  </si>
  <si>
    <t>ESTACION TRANSMILENIO LA CAMPIÑA</t>
  </si>
  <si>
    <t>3.445</t>
  </si>
  <si>
    <t>2.6681</t>
  </si>
  <si>
    <t>1.213</t>
  </si>
  <si>
    <t>07/19/2015 12:00:00 AM</t>
  </si>
  <si>
    <t>1.2232</t>
  </si>
  <si>
    <t>12.2</t>
  </si>
  <si>
    <t>1.855</t>
  </si>
  <si>
    <t>4.114</t>
  </si>
  <si>
    <t>4.867</t>
  </si>
  <si>
    <t>47.608</t>
  </si>
  <si>
    <t>28.673</t>
  </si>
  <si>
    <t>07/20/2015 12:00:00 AM</t>
  </si>
  <si>
    <t>2.502</t>
  </si>
  <si>
    <t>1.589</t>
  </si>
  <si>
    <t>19.699</t>
  </si>
  <si>
    <t>1.937</t>
  </si>
  <si>
    <t>75.164</t>
  </si>
  <si>
    <t>20.558</t>
  </si>
  <si>
    <t>07/21/2015 12:00:00 AM</t>
  </si>
  <si>
    <t>2907</t>
  </si>
  <si>
    <t>2.3064</t>
  </si>
  <si>
    <t>20.92</t>
  </si>
  <si>
    <t>2.041</t>
  </si>
  <si>
    <t>ESTACION TRANSMILENIO COMUNEROS</t>
  </si>
  <si>
    <t>1.87</t>
  </si>
  <si>
    <t>1.84</t>
  </si>
  <si>
    <t>07/22/2015 12:00:00 AM</t>
  </si>
  <si>
    <t>1.458</t>
  </si>
  <si>
    <t>1.214</t>
  </si>
  <si>
    <t>1.958</t>
  </si>
  <si>
    <t>2.254</t>
  </si>
  <si>
    <t>4.424</t>
  </si>
  <si>
    <t>1.178.000</t>
  </si>
  <si>
    <t>199.4</t>
  </si>
  <si>
    <t>221.0598</t>
  </si>
  <si>
    <t>3851</t>
  </si>
  <si>
    <t>20.167</t>
  </si>
  <si>
    <t>5.958</t>
  </si>
  <si>
    <t>07/23/2015 12:00:00 AM</t>
  </si>
  <si>
    <t>119.02</t>
  </si>
  <si>
    <t>3.498</t>
  </si>
  <si>
    <t>3.87</t>
  </si>
  <si>
    <t>4.986</t>
  </si>
  <si>
    <t>1.24</t>
  </si>
  <si>
    <t>60.12</t>
  </si>
  <si>
    <t>2.79</t>
  </si>
  <si>
    <t>140.756</t>
  </si>
  <si>
    <t>07/24/2015 12:00:00 AM</t>
  </si>
  <si>
    <t>1.2774</t>
  </si>
  <si>
    <t>130.3</t>
  </si>
  <si>
    <t>46.651</t>
  </si>
  <si>
    <t>1.668</t>
  </si>
  <si>
    <t>63.09</t>
  </si>
  <si>
    <t>9.495</t>
  </si>
  <si>
    <t>3.371</t>
  </si>
  <si>
    <t>12.595</t>
  </si>
  <si>
    <t>07/25/2015 12:00:00 AM</t>
  </si>
  <si>
    <t>93.2</t>
  </si>
  <si>
    <t>350.027</t>
  </si>
  <si>
    <t>3.835</t>
  </si>
  <si>
    <t>5289</t>
  </si>
  <si>
    <t>403.806</t>
  </si>
  <si>
    <t>2.155</t>
  </si>
  <si>
    <t>7.038</t>
  </si>
  <si>
    <t>3.69</t>
  </si>
  <si>
    <t>07/26/2015 12:00:00 AM</t>
  </si>
  <si>
    <t>1.047</t>
  </si>
  <si>
    <t>29.5</t>
  </si>
  <si>
    <t>61.1</t>
  </si>
  <si>
    <t>1.277</t>
  </si>
  <si>
    <t>117.136</t>
  </si>
  <si>
    <t>458.275</t>
  </si>
  <si>
    <t>1.435</t>
  </si>
  <si>
    <t>07/27/2015 12:00:00 AM</t>
  </si>
  <si>
    <t>4.0039</t>
  </si>
  <si>
    <t>29.301</t>
  </si>
  <si>
    <t>3.246</t>
  </si>
  <si>
    <t>3.48</t>
  </si>
  <si>
    <t>1.211</t>
  </si>
  <si>
    <t>3.350.000</t>
  </si>
  <si>
    <t>07/28/2015 12:00:00 AM</t>
  </si>
  <si>
    <t>8.994</t>
  </si>
  <si>
    <t>12.78</t>
  </si>
  <si>
    <t>ESTACION TRANSMILENIO CALLE 45</t>
  </si>
  <si>
    <t>7.071</t>
  </si>
  <si>
    <t>2.335</t>
  </si>
  <si>
    <t>3.079</t>
  </si>
  <si>
    <t>2.694</t>
  </si>
  <si>
    <t>14.821</t>
  </si>
  <si>
    <t>3332</t>
  </si>
  <si>
    <t>07/29/2015 12:00:00 AM</t>
  </si>
  <si>
    <t>7775</t>
  </si>
  <si>
    <t>4.866</t>
  </si>
  <si>
    <t>7.234</t>
  </si>
  <si>
    <t>3.352</t>
  </si>
  <si>
    <t>ESTACION TRANSMILENIO TERCER MILENIO</t>
  </si>
  <si>
    <t>1.978</t>
  </si>
  <si>
    <t>1.339</t>
  </si>
  <si>
    <t>2.307</t>
  </si>
  <si>
    <t>39.1905</t>
  </si>
  <si>
    <t>90.13</t>
  </si>
  <si>
    <t>3.14</t>
  </si>
  <si>
    <t>1.751.000</t>
  </si>
  <si>
    <t>ESTACION METROLÍNEA</t>
  </si>
  <si>
    <t>41.68</t>
  </si>
  <si>
    <t>07/30/2015 12:00:00 AM</t>
  </si>
  <si>
    <t>15.5</t>
  </si>
  <si>
    <t>127.71</t>
  </si>
  <si>
    <t>41.2</t>
  </si>
  <si>
    <t>ESTACION TRANSMILENIO CALLE 40 SUR</t>
  </si>
  <si>
    <t>8.107</t>
  </si>
  <si>
    <t>22.456</t>
  </si>
  <si>
    <t>07/31/2015 12:00:00 AM</t>
  </si>
  <si>
    <t>1.237</t>
  </si>
  <si>
    <t>5159</t>
  </si>
  <si>
    <t>1.160.000</t>
  </si>
  <si>
    <t>2.478</t>
  </si>
  <si>
    <t>6.29</t>
  </si>
  <si>
    <t>1.307.000</t>
  </si>
  <si>
    <t>1.382</t>
  </si>
  <si>
    <t>5399</t>
  </si>
  <si>
    <t>26.5</t>
  </si>
  <si>
    <t>8.586</t>
  </si>
  <si>
    <t>08/01/2015 12:00:00 AM</t>
  </si>
  <si>
    <t>2.41</t>
  </si>
  <si>
    <t>70.7</t>
  </si>
  <si>
    <t>1.509</t>
  </si>
  <si>
    <t>3.522</t>
  </si>
  <si>
    <t>3.113</t>
  </si>
  <si>
    <t>16.87</t>
  </si>
  <si>
    <t>08/02/2015 12:00:00 AM</t>
  </si>
  <si>
    <t>122.944</t>
  </si>
  <si>
    <t>2.315</t>
  </si>
  <si>
    <t>ESTACION TRANSMILENIO SAN VICTORINO</t>
  </si>
  <si>
    <t>1.534</t>
  </si>
  <si>
    <t>08/03/2015 12:00:00 AM</t>
  </si>
  <si>
    <t>42.22</t>
  </si>
  <si>
    <t>17.074</t>
  </si>
  <si>
    <t>45.286</t>
  </si>
  <si>
    <t>3.531</t>
  </si>
  <si>
    <t>113.61</t>
  </si>
  <si>
    <t>1.281</t>
  </si>
  <si>
    <t>6.001</t>
  </si>
  <si>
    <t>29.7</t>
  </si>
  <si>
    <t>4.875</t>
  </si>
  <si>
    <t>1.984</t>
  </si>
  <si>
    <t>1.501</t>
  </si>
  <si>
    <t>1.231.700</t>
  </si>
  <si>
    <t>08/04/2015 12:00:00 AM</t>
  </si>
  <si>
    <t>1.264</t>
  </si>
  <si>
    <t>2.74</t>
  </si>
  <si>
    <t>20.75</t>
  </si>
  <si>
    <t>21.9</t>
  </si>
  <si>
    <t>1.456</t>
  </si>
  <si>
    <t>5.046</t>
  </si>
  <si>
    <t>1.58</t>
  </si>
  <si>
    <t>7.3</t>
  </si>
  <si>
    <t>66.84</t>
  </si>
  <si>
    <t>1.191</t>
  </si>
  <si>
    <t>08/05/2015 12:00:00 AM</t>
  </si>
  <si>
    <t>4.886</t>
  </si>
  <si>
    <t>19.5</t>
  </si>
  <si>
    <t>3.248</t>
  </si>
  <si>
    <t>1.616</t>
  </si>
  <si>
    <t>2.046</t>
  </si>
  <si>
    <t>ESTACION TRANSMILENIO BIB. EL TINTAL</t>
  </si>
  <si>
    <t>2.829</t>
  </si>
  <si>
    <t>08/06/2015 12:00:00 AM</t>
  </si>
  <si>
    <t>1.304.000</t>
  </si>
  <si>
    <t>4.946</t>
  </si>
  <si>
    <t>08/07/2015 12:00:00 AM</t>
  </si>
  <si>
    <t>1.571</t>
  </si>
  <si>
    <t>2.621</t>
  </si>
  <si>
    <t>2.058</t>
  </si>
  <si>
    <t>70.753</t>
  </si>
  <si>
    <t>13.092</t>
  </si>
  <si>
    <t>4.498</t>
  </si>
  <si>
    <t>2365</t>
  </si>
  <si>
    <t>4.29</t>
  </si>
  <si>
    <t>10.36</t>
  </si>
  <si>
    <t>10.566</t>
  </si>
  <si>
    <t>08/08/2015 12:00:00 AM</t>
  </si>
  <si>
    <t>2.583</t>
  </si>
  <si>
    <t>43.9</t>
  </si>
  <si>
    <t>5065</t>
  </si>
  <si>
    <t>60.032</t>
  </si>
  <si>
    <t>ESTACION TRANSMILENIO DE LA SABANA</t>
  </si>
  <si>
    <t>ESTACION TRANSMILENIO SENA</t>
  </si>
  <si>
    <t>2.832</t>
  </si>
  <si>
    <t>16.88</t>
  </si>
  <si>
    <t>1.828</t>
  </si>
  <si>
    <t>08/09/2015 12:00:00 AM</t>
  </si>
  <si>
    <t>1.918</t>
  </si>
  <si>
    <t>7.56</t>
  </si>
  <si>
    <t>1.034</t>
  </si>
  <si>
    <t>6.459</t>
  </si>
  <si>
    <t>1.081</t>
  </si>
  <si>
    <t>6.151</t>
  </si>
  <si>
    <t>2.845</t>
  </si>
  <si>
    <t>2.105</t>
  </si>
  <si>
    <t>08/10/2015 12:00:00 AM</t>
  </si>
  <si>
    <t>1.329</t>
  </si>
  <si>
    <t>3.725</t>
  </si>
  <si>
    <t>1.881</t>
  </si>
  <si>
    <t>BAÑOS</t>
  </si>
  <si>
    <t>31.069</t>
  </si>
  <si>
    <t>08/11/2015 12:00:00 AM</t>
  </si>
  <si>
    <t>1.1072</t>
  </si>
  <si>
    <t>1.663</t>
  </si>
  <si>
    <t>2.026</t>
  </si>
  <si>
    <t>ESTACION TRANSMILENIO GRANJA</t>
  </si>
  <si>
    <t>15.504</t>
  </si>
  <si>
    <t>8.355.000</t>
  </si>
  <si>
    <t>7.052</t>
  </si>
  <si>
    <t>4.75</t>
  </si>
  <si>
    <t>14.8</t>
  </si>
  <si>
    <t>08/12/2015 12:00:00 AM</t>
  </si>
  <si>
    <t>7577</t>
  </si>
  <si>
    <t>5.697</t>
  </si>
  <si>
    <t>81.255</t>
  </si>
  <si>
    <t>1.398</t>
  </si>
  <si>
    <t>6.748</t>
  </si>
  <si>
    <t>47788</t>
  </si>
  <si>
    <t>15.882</t>
  </si>
  <si>
    <t>3.492</t>
  </si>
  <si>
    <t>40.5</t>
  </si>
  <si>
    <t>5.56</t>
  </si>
  <si>
    <t>08/13/2015 12:00:00 AM</t>
  </si>
  <si>
    <t>7442</t>
  </si>
  <si>
    <t>2.434</t>
  </si>
  <si>
    <t>2.013</t>
  </si>
  <si>
    <t>2.287</t>
  </si>
  <si>
    <t>4.258</t>
  </si>
  <si>
    <t>4.208</t>
  </si>
  <si>
    <t>7.885</t>
  </si>
  <si>
    <t>1.007</t>
  </si>
  <si>
    <t>5.764</t>
  </si>
  <si>
    <t>2.715</t>
  </si>
  <si>
    <t>10.31</t>
  </si>
  <si>
    <t>5.77</t>
  </si>
  <si>
    <t>17.1</t>
  </si>
  <si>
    <t>08/14/2015 12:00:00 AM</t>
  </si>
  <si>
    <t>6.125</t>
  </si>
  <si>
    <t>4.668</t>
  </si>
  <si>
    <t>1.693</t>
  </si>
  <si>
    <t>2.361</t>
  </si>
  <si>
    <t>1.812</t>
  </si>
  <si>
    <t>104.02</t>
  </si>
  <si>
    <t>3.366</t>
  </si>
  <si>
    <t>2.483</t>
  </si>
  <si>
    <t>5.462</t>
  </si>
  <si>
    <t>2.318</t>
  </si>
  <si>
    <t>185.645</t>
  </si>
  <si>
    <t>4.74</t>
  </si>
  <si>
    <t>2.413</t>
  </si>
  <si>
    <t>08/15/2015 12:00:00 AM</t>
  </si>
  <si>
    <t>1.736</t>
  </si>
  <si>
    <t>1.4258</t>
  </si>
  <si>
    <t>10.82</t>
  </si>
  <si>
    <t>145.854</t>
  </si>
  <si>
    <t>3297</t>
  </si>
  <si>
    <t>5.57</t>
  </si>
  <si>
    <t>2991</t>
  </si>
  <si>
    <t>08/16/2015 12:00:00 AM</t>
  </si>
  <si>
    <t>16.023</t>
  </si>
  <si>
    <t>56.8</t>
  </si>
  <si>
    <t>1.291</t>
  </si>
  <si>
    <t>08/17/2015 12:00:00 AM</t>
  </si>
  <si>
    <t>8.8817</t>
  </si>
  <si>
    <t>146.063</t>
  </si>
  <si>
    <t>3.268</t>
  </si>
  <si>
    <t>1.931</t>
  </si>
  <si>
    <t>5.82</t>
  </si>
  <si>
    <t>12.339</t>
  </si>
  <si>
    <t>08/18/2015 12:00:00 AM</t>
  </si>
  <si>
    <t>5932</t>
  </si>
  <si>
    <t>2.595</t>
  </si>
  <si>
    <t>2.487.000</t>
  </si>
  <si>
    <t>1.500.000</t>
  </si>
  <si>
    <t>8.415</t>
  </si>
  <si>
    <t>1.935</t>
  </si>
  <si>
    <t>3.509</t>
  </si>
  <si>
    <t>1.392</t>
  </si>
  <si>
    <t>1.512</t>
  </si>
  <si>
    <t>08/19/2015 12:00:00 AM</t>
  </si>
  <si>
    <t>1.422</t>
  </si>
  <si>
    <t>1.51</t>
  </si>
  <si>
    <t>14.925</t>
  </si>
  <si>
    <t>1.128.000</t>
  </si>
  <si>
    <t>21.376</t>
  </si>
  <si>
    <t>69.8</t>
  </si>
  <si>
    <t>6056</t>
  </si>
  <si>
    <t>3.847</t>
  </si>
  <si>
    <t>24.875</t>
  </si>
  <si>
    <t>3.486</t>
  </si>
  <si>
    <t>08/20/2015 12:00:00 AM</t>
  </si>
  <si>
    <t>4.47</t>
  </si>
  <si>
    <t>5703</t>
  </si>
  <si>
    <t>2.14</t>
  </si>
  <si>
    <t>38.952</t>
  </si>
  <si>
    <t>48.65</t>
  </si>
  <si>
    <t>16.04</t>
  </si>
  <si>
    <t>12.655</t>
  </si>
  <si>
    <t>2.879</t>
  </si>
  <si>
    <t>08/21/2015 12:00:00 AM</t>
  </si>
  <si>
    <t>8405</t>
  </si>
  <si>
    <t>1.8887</t>
  </si>
  <si>
    <t>4.156</t>
  </si>
  <si>
    <t>3.039</t>
  </si>
  <si>
    <t>4.413</t>
  </si>
  <si>
    <t>8.762</t>
  </si>
  <si>
    <t>36328</t>
  </si>
  <si>
    <t>2809</t>
  </si>
  <si>
    <t>2.5174</t>
  </si>
  <si>
    <t>117.397</t>
  </si>
  <si>
    <t>3.739</t>
  </si>
  <si>
    <t>26.033</t>
  </si>
  <si>
    <t>16.694</t>
  </si>
  <si>
    <t>08/22/2015 12:00:00 AM</t>
  </si>
  <si>
    <t>7.075</t>
  </si>
  <si>
    <t>5.601</t>
  </si>
  <si>
    <t>3.16</t>
  </si>
  <si>
    <t>1.0627</t>
  </si>
  <si>
    <t>5.39</t>
  </si>
  <si>
    <t>1.849</t>
  </si>
  <si>
    <t>12.032</t>
  </si>
  <si>
    <t>08/23/2015 12:00:00 AM</t>
  </si>
  <si>
    <t>1.2636</t>
  </si>
  <si>
    <t>1.911</t>
  </si>
  <si>
    <t>ESTACION TRANSMILENIO AV. JIMENEZ</t>
  </si>
  <si>
    <t>08/24/2015 12:00:00 AM</t>
  </si>
  <si>
    <t>2.485</t>
  </si>
  <si>
    <t>153.75</t>
  </si>
  <si>
    <t>6.11</t>
  </si>
  <si>
    <t>6.844</t>
  </si>
  <si>
    <t>3.504</t>
  </si>
  <si>
    <t>2.386</t>
  </si>
  <si>
    <t>1.635</t>
  </si>
  <si>
    <t>08/25/2015 12:00:00 AM</t>
  </si>
  <si>
    <t>35.49</t>
  </si>
  <si>
    <t>11.882</t>
  </si>
  <si>
    <t>1.1419</t>
  </si>
  <si>
    <t>83.729</t>
  </si>
  <si>
    <t>2.6815</t>
  </si>
  <si>
    <t>1.595</t>
  </si>
  <si>
    <t>5.11</t>
  </si>
  <si>
    <t>1.942</t>
  </si>
  <si>
    <t>3329</t>
  </si>
  <si>
    <t>6.7</t>
  </si>
  <si>
    <t>08/26/2015 12:00:00 AM</t>
  </si>
  <si>
    <t>6089</t>
  </si>
  <si>
    <t>3.594</t>
  </si>
  <si>
    <t>2518</t>
  </si>
  <si>
    <t>9.113</t>
  </si>
  <si>
    <t>202.416</t>
  </si>
  <si>
    <t>81.159</t>
  </si>
  <si>
    <t>1.082</t>
  </si>
  <si>
    <t>10.05</t>
  </si>
  <si>
    <t>4.422</t>
  </si>
  <si>
    <t>4.975</t>
  </si>
  <si>
    <t>3.734</t>
  </si>
  <si>
    <t>23.2</t>
  </si>
  <si>
    <t>08/27/2015 12:00:00 AM</t>
  </si>
  <si>
    <t>17.191</t>
  </si>
  <si>
    <t>25.84</t>
  </si>
  <si>
    <t>11.196</t>
  </si>
  <si>
    <t>4.5713</t>
  </si>
  <si>
    <t>14475</t>
  </si>
  <si>
    <t>124.5</t>
  </si>
  <si>
    <t>6.004</t>
  </si>
  <si>
    <t>08/28/2015 12:00:00 AM</t>
  </si>
  <si>
    <t>10.7326</t>
  </si>
  <si>
    <t>1.8497</t>
  </si>
  <si>
    <t>1.353</t>
  </si>
  <si>
    <t>4.737</t>
  </si>
  <si>
    <t>4.122</t>
  </si>
  <si>
    <t>7.624</t>
  </si>
  <si>
    <t>3.829</t>
  </si>
  <si>
    <t>6.356</t>
  </si>
  <si>
    <t>12.25</t>
  </si>
  <si>
    <t>08/29/2015 12:00:00 AM</t>
  </si>
  <si>
    <t>8938</t>
  </si>
  <si>
    <t>45.782</t>
  </si>
  <si>
    <t>1.062</t>
  </si>
  <si>
    <t>4.802</t>
  </si>
  <si>
    <t>1.114</t>
  </si>
  <si>
    <t>5.89</t>
  </si>
  <si>
    <t>306.5</t>
  </si>
  <si>
    <t>17.169</t>
  </si>
  <si>
    <t>5.554</t>
  </si>
  <si>
    <t>08/30/2015 12:00:00 AM</t>
  </si>
  <si>
    <t>1.772</t>
  </si>
  <si>
    <t>1.688</t>
  </si>
  <si>
    <t>12.614</t>
  </si>
  <si>
    <t>2.518</t>
  </si>
  <si>
    <t>2.0841</t>
  </si>
  <si>
    <t>2.054</t>
  </si>
  <si>
    <t>18.06</t>
  </si>
  <si>
    <t>08/31/2015 12:00:00 AM</t>
  </si>
  <si>
    <t>6021</t>
  </si>
  <si>
    <t>1.2513</t>
  </si>
  <si>
    <t>4.3</t>
  </si>
  <si>
    <t>2.937</t>
  </si>
  <si>
    <t>2.456</t>
  </si>
  <si>
    <t>155.9</t>
  </si>
  <si>
    <t>2.997</t>
  </si>
  <si>
    <t>3.135</t>
  </si>
  <si>
    <t>1.875</t>
  </si>
  <si>
    <t>11.8</t>
  </si>
  <si>
    <t>1.463</t>
  </si>
  <si>
    <t>09/01/2015 12:00:00 AM</t>
  </si>
  <si>
    <t>2.3355</t>
  </si>
  <si>
    <t>1.393</t>
  </si>
  <si>
    <t>5.685</t>
  </si>
  <si>
    <t>2.012.000</t>
  </si>
  <si>
    <t>256.975</t>
  </si>
  <si>
    <t>1.631</t>
  </si>
  <si>
    <t>4.545</t>
  </si>
  <si>
    <t>66.87</t>
  </si>
  <si>
    <t>7.634</t>
  </si>
  <si>
    <t>3.300.000</t>
  </si>
  <si>
    <t>2.736</t>
  </si>
  <si>
    <t>09/02/2015 12:00:00 AM</t>
  </si>
  <si>
    <t>1.3948</t>
  </si>
  <si>
    <t>2.1785</t>
  </si>
  <si>
    <t>17.868</t>
  </si>
  <si>
    <t>11.3</t>
  </si>
  <si>
    <t>1.204</t>
  </si>
  <si>
    <t>10.16</t>
  </si>
  <si>
    <t>4.9575</t>
  </si>
  <si>
    <t>3.67</t>
  </si>
  <si>
    <t>59.147</t>
  </si>
  <si>
    <t>16.124</t>
  </si>
  <si>
    <t>09/03/2015 12:00:00 AM</t>
  </si>
  <si>
    <t>4705</t>
  </si>
  <si>
    <t>ESTACION TRANSMILENIO CAMPIN</t>
  </si>
  <si>
    <t>5.672</t>
  </si>
  <si>
    <t>2.84</t>
  </si>
  <si>
    <t>389.15</t>
  </si>
  <si>
    <t>5.833</t>
  </si>
  <si>
    <t>20.795</t>
  </si>
  <si>
    <t>09/04/2015 12:00:00 AM</t>
  </si>
  <si>
    <t>1.344</t>
  </si>
  <si>
    <t>18.016</t>
  </si>
  <si>
    <t>1.011</t>
  </si>
  <si>
    <t>1.712</t>
  </si>
  <si>
    <t>2.035.000</t>
  </si>
  <si>
    <t>1.965</t>
  </si>
  <si>
    <t>09/05/2015 12:00:00 AM</t>
  </si>
  <si>
    <t>1.179</t>
  </si>
  <si>
    <t>1.2156</t>
  </si>
  <si>
    <t>4.998</t>
  </si>
  <si>
    <t>980.66</t>
  </si>
  <si>
    <t>09/07/2015 12:00:00 AM</t>
  </si>
  <si>
    <t>6.594</t>
  </si>
  <si>
    <t>14.85</t>
  </si>
  <si>
    <t>80.542</t>
  </si>
  <si>
    <t>7.191</t>
  </si>
  <si>
    <t>2.218</t>
  </si>
  <si>
    <t>47.21</t>
  </si>
  <si>
    <t>5.687</t>
  </si>
  <si>
    <t>12.625</t>
  </si>
  <si>
    <t>2.247</t>
  </si>
  <si>
    <t>09/06/2015 12:00:00 AM</t>
  </si>
  <si>
    <t>1.385</t>
  </si>
  <si>
    <t>5.044</t>
  </si>
  <si>
    <t>22.68</t>
  </si>
  <si>
    <t>4.066</t>
  </si>
  <si>
    <t>1.3096</t>
  </si>
  <si>
    <t>2.001</t>
  </si>
  <si>
    <t>3453</t>
  </si>
  <si>
    <t>3.705</t>
  </si>
  <si>
    <t>17.853</t>
  </si>
  <si>
    <t>21.6</t>
  </si>
  <si>
    <t>6.942</t>
  </si>
  <si>
    <t>09/08/2015 12:00:00 AM</t>
  </si>
  <si>
    <t>11.0966</t>
  </si>
  <si>
    <t>1.856</t>
  </si>
  <si>
    <t>12.698</t>
  </si>
  <si>
    <t>1.085</t>
  </si>
  <si>
    <t>11.93</t>
  </si>
  <si>
    <t>318.311</t>
  </si>
  <si>
    <t>68.5</t>
  </si>
  <si>
    <t>129.84</t>
  </si>
  <si>
    <t>147.5</t>
  </si>
  <si>
    <t>1.3673</t>
  </si>
  <si>
    <t>09/09/2015 12:00:00 AM</t>
  </si>
  <si>
    <t>2.428</t>
  </si>
  <si>
    <t>2.075</t>
  </si>
  <si>
    <t>57.018</t>
  </si>
  <si>
    <t>133.717</t>
  </si>
  <si>
    <t>2.782</t>
  </si>
  <si>
    <t>27.252</t>
  </si>
  <si>
    <t>16.5</t>
  </si>
  <si>
    <t>30.27</t>
  </si>
  <si>
    <t>41.888</t>
  </si>
  <si>
    <t>09/10/2015 12:00:00 AM</t>
  </si>
  <si>
    <t>4418</t>
  </si>
  <si>
    <t>2.6095</t>
  </si>
  <si>
    <t>2.36</t>
  </si>
  <si>
    <t>5.07</t>
  </si>
  <si>
    <t>5.569</t>
  </si>
  <si>
    <t>3.02</t>
  </si>
  <si>
    <t>4729</t>
  </si>
  <si>
    <t>3.823</t>
  </si>
  <si>
    <t>13.8</t>
  </si>
  <si>
    <t>09/11/2015 12:00:00 AM</t>
  </si>
  <si>
    <t>4.597</t>
  </si>
  <si>
    <t>1.421</t>
  </si>
  <si>
    <t>2.141</t>
  </si>
  <si>
    <t>24.03</t>
  </si>
  <si>
    <t>18.637</t>
  </si>
  <si>
    <t>6.181</t>
  </si>
  <si>
    <t>10.335</t>
  </si>
  <si>
    <t>2.67</t>
  </si>
  <si>
    <t>2.568</t>
  </si>
  <si>
    <t>6.135</t>
  </si>
  <si>
    <t>09/12/2015 12:00:00 AM</t>
  </si>
  <si>
    <t>1.803</t>
  </si>
  <si>
    <t>ESTACION TRANSMILENIO PORTAL NORTE</t>
  </si>
  <si>
    <t>16.63</t>
  </si>
  <si>
    <t>228.499</t>
  </si>
  <si>
    <t>9.726</t>
  </si>
  <si>
    <t>128.5</t>
  </si>
  <si>
    <t>09/13/2015 12:00:00 AM</t>
  </si>
  <si>
    <t>5661</t>
  </si>
  <si>
    <t>9243</t>
  </si>
  <si>
    <t>3.7097</t>
  </si>
  <si>
    <t>1.996</t>
  </si>
  <si>
    <t>1.917</t>
  </si>
  <si>
    <t>09/14/2015 12:00:00 AM</t>
  </si>
  <si>
    <t>ESTACION TRANSMILENIO CALLE 146</t>
  </si>
  <si>
    <t>31.01</t>
  </si>
  <si>
    <t>4.7955</t>
  </si>
  <si>
    <t>1.645</t>
  </si>
  <si>
    <t>22.58</t>
  </si>
  <si>
    <t>1.143</t>
  </si>
  <si>
    <t>09/15/2015 12:00:00 AM</t>
  </si>
  <si>
    <t>2.286.000</t>
  </si>
  <si>
    <t>59.4</t>
  </si>
  <si>
    <t>2.6327</t>
  </si>
  <si>
    <t>1.292</t>
  </si>
  <si>
    <t>2.415</t>
  </si>
  <si>
    <t>2.214</t>
  </si>
  <si>
    <t>09/16/2015 12:00:00 AM</t>
  </si>
  <si>
    <t>6.16</t>
  </si>
  <si>
    <t>237.92</t>
  </si>
  <si>
    <t>16.23</t>
  </si>
  <si>
    <t>94.5</t>
  </si>
  <si>
    <t>1.321</t>
  </si>
  <si>
    <t>1.763</t>
  </si>
  <si>
    <t>70.007</t>
  </si>
  <si>
    <t>09/19/2015 12:00:00 AM</t>
  </si>
  <si>
    <t>09/17/2015 12:00:00 AM</t>
  </si>
  <si>
    <t>3419</t>
  </si>
  <si>
    <t>4.181</t>
  </si>
  <si>
    <t>4.367</t>
  </si>
  <si>
    <t>2.834</t>
  </si>
  <si>
    <t>6.325</t>
  </si>
  <si>
    <t>9.7</t>
  </si>
  <si>
    <t>1.077.000</t>
  </si>
  <si>
    <t>156.5</t>
  </si>
  <si>
    <t>1.37</t>
  </si>
  <si>
    <t>43.28</t>
  </si>
  <si>
    <t>83.314</t>
  </si>
  <si>
    <t>3.925</t>
  </si>
  <si>
    <t>2.657</t>
  </si>
  <si>
    <t>2.036</t>
  </si>
  <si>
    <t>09/18/2015 12:00:00 AM</t>
  </si>
  <si>
    <t>21.148</t>
  </si>
  <si>
    <t>78.13</t>
  </si>
  <si>
    <t>297.4</t>
  </si>
  <si>
    <t>124.41</t>
  </si>
  <si>
    <t>178.3</t>
  </si>
  <si>
    <t>ESTACION TRANSMILENIO CALLE 22</t>
  </si>
  <si>
    <t>11.958</t>
  </si>
  <si>
    <t>2.452</t>
  </si>
  <si>
    <t>9.538</t>
  </si>
  <si>
    <t>2.977</t>
  </si>
  <si>
    <t>8422</t>
  </si>
  <si>
    <t>308.74</t>
  </si>
  <si>
    <t>208.012</t>
  </si>
  <si>
    <t>5.733</t>
  </si>
  <si>
    <t>1.711</t>
  </si>
  <si>
    <t>2.0714</t>
  </si>
  <si>
    <t>2.162</t>
  </si>
  <si>
    <t>59.5</t>
  </si>
  <si>
    <t>47.08</t>
  </si>
  <si>
    <t>09/20/2015 12:00:00 AM</t>
  </si>
  <si>
    <t>2.21</t>
  </si>
  <si>
    <t>9.54</t>
  </si>
  <si>
    <t>09/21/2015 12:00:00 AM</t>
  </si>
  <si>
    <t>70.8</t>
  </si>
  <si>
    <t>ESTACION TRANSMILENIO CALLE 63</t>
  </si>
  <si>
    <t>ESTACION TRANSMILENIO MAZUREN</t>
  </si>
  <si>
    <t>09/24/2015 12:00:00 AM</t>
  </si>
  <si>
    <t>28.643</t>
  </si>
  <si>
    <t>09/22/2015 12:00:00 AM</t>
  </si>
  <si>
    <t>7.085</t>
  </si>
  <si>
    <t>2.9539</t>
  </si>
  <si>
    <t>5.468</t>
  </si>
  <si>
    <t>5.827</t>
  </si>
  <si>
    <t>1.200.000</t>
  </si>
  <si>
    <t>15.51</t>
  </si>
  <si>
    <t>15.322</t>
  </si>
  <si>
    <t>09/23/2015 12:00:00 AM</t>
  </si>
  <si>
    <t>5234</t>
  </si>
  <si>
    <t>174.468</t>
  </si>
  <si>
    <t>62.51</t>
  </si>
  <si>
    <t>178.9</t>
  </si>
  <si>
    <t>2.381</t>
  </si>
  <si>
    <t>4449</t>
  </si>
  <si>
    <t>8.424</t>
  </si>
  <si>
    <t>1.666</t>
  </si>
  <si>
    <t>31.5</t>
  </si>
  <si>
    <t>6.013</t>
  </si>
  <si>
    <t>8147</t>
  </si>
  <si>
    <t>26.662</t>
  </si>
  <si>
    <t>49.009</t>
  </si>
  <si>
    <t>522.006</t>
  </si>
  <si>
    <t>15.13</t>
  </si>
  <si>
    <t>2.02</t>
  </si>
  <si>
    <t>2.100.000</t>
  </si>
  <si>
    <t>2.976</t>
  </si>
  <si>
    <t>308.949</t>
  </si>
  <si>
    <t>85.072</t>
  </si>
  <si>
    <t>2.666</t>
  </si>
  <si>
    <t>7.456</t>
  </si>
  <si>
    <t>7.76</t>
  </si>
  <si>
    <t>6633</t>
  </si>
  <si>
    <t>1.199</t>
  </si>
  <si>
    <t>4143</t>
  </si>
  <si>
    <t>2.086</t>
  </si>
  <si>
    <t>09/25/2015 12:00:00 AM</t>
  </si>
  <si>
    <t>9.4</t>
  </si>
  <si>
    <t>280.25</t>
  </si>
  <si>
    <t>4.0215</t>
  </si>
  <si>
    <t>6.259</t>
  </si>
  <si>
    <t>28.564</t>
  </si>
  <si>
    <t>2.891</t>
  </si>
  <si>
    <t>218.705</t>
  </si>
  <si>
    <t>8.615</t>
  </si>
  <si>
    <t>1.593</t>
  </si>
  <si>
    <t>18.04</t>
  </si>
  <si>
    <t>5.036</t>
  </si>
  <si>
    <t>ESTACION TRANSMILENIO CALLE 57</t>
  </si>
  <si>
    <t>20.58</t>
  </si>
  <si>
    <t>13.483</t>
  </si>
  <si>
    <t>7721</t>
  </si>
  <si>
    <t>6.845.000</t>
  </si>
  <si>
    <t>1.073</t>
  </si>
  <si>
    <t>10.576</t>
  </si>
  <si>
    <t>16613</t>
  </si>
  <si>
    <t>3.408</t>
  </si>
  <si>
    <t>09/26/2015 12:00:00 AM</t>
  </si>
  <si>
    <t>3761</t>
  </si>
  <si>
    <t>23.759</t>
  </si>
  <si>
    <t>123.348</t>
  </si>
  <si>
    <t>2.882</t>
  </si>
  <si>
    <t>13.85</t>
  </si>
  <si>
    <t>4.306</t>
  </si>
  <si>
    <t>3318</t>
  </si>
  <si>
    <t>4.504</t>
  </si>
  <si>
    <t>20.136</t>
  </si>
  <si>
    <t>09/27/2015 12:00:00 AM</t>
  </si>
  <si>
    <t>7126</t>
  </si>
  <si>
    <t>1.669</t>
  </si>
  <si>
    <t>2.255</t>
  </si>
  <si>
    <t>14.13</t>
  </si>
  <si>
    <t>4.132</t>
  </si>
  <si>
    <t>4.97</t>
  </si>
  <si>
    <t>1.6788</t>
  </si>
  <si>
    <t>91.8</t>
  </si>
  <si>
    <t>09/28/2015 12:00:00 AM</t>
  </si>
  <si>
    <t>6333</t>
  </si>
  <si>
    <t>3.027</t>
  </si>
  <si>
    <t>19.976</t>
  </si>
  <si>
    <t>232.089</t>
  </si>
  <si>
    <t>3.62</t>
  </si>
  <si>
    <t>8.435</t>
  </si>
  <si>
    <t>19.989</t>
  </si>
  <si>
    <t>3.5379</t>
  </si>
  <si>
    <t>09/29/2015 12:00:00 AM</t>
  </si>
  <si>
    <t>1.734</t>
  </si>
  <si>
    <t>27.8</t>
  </si>
  <si>
    <t>1.576</t>
  </si>
  <si>
    <t>11.398</t>
  </si>
  <si>
    <t>09/30/2015 12:00:00 AM</t>
  </si>
  <si>
    <t>12.85</t>
  </si>
  <si>
    <t>1.071</t>
  </si>
  <si>
    <t>22.004</t>
  </si>
  <si>
    <t>156.058</t>
  </si>
  <si>
    <t>23.731</t>
  </si>
  <si>
    <t>2.747</t>
  </si>
  <si>
    <t>9.67</t>
  </si>
  <si>
    <t>6.148</t>
  </si>
  <si>
    <t>6.287</t>
  </si>
  <si>
    <t>21.87</t>
  </si>
  <si>
    <t>38.775</t>
  </si>
  <si>
    <t>2.696</t>
  </si>
  <si>
    <t>1.239</t>
  </si>
  <si>
    <t>5.037</t>
  </si>
  <si>
    <t>17.6</t>
  </si>
  <si>
    <t>10/01/2015 12:00:00 AM</t>
  </si>
  <si>
    <t>14.52</t>
  </si>
  <si>
    <t>2.934</t>
  </si>
  <si>
    <t>3.088</t>
  </si>
  <si>
    <t>2.027</t>
  </si>
  <si>
    <t>2.363</t>
  </si>
  <si>
    <t>5.657</t>
  </si>
  <si>
    <t>2.719</t>
  </si>
  <si>
    <t>15.63</t>
  </si>
  <si>
    <t>22.519</t>
  </si>
  <si>
    <t>10/02/2015 12:00:00 AM</t>
  </si>
  <si>
    <t>9.404</t>
  </si>
  <si>
    <t>4.007</t>
  </si>
  <si>
    <t>7.307</t>
  </si>
  <si>
    <t>7.79</t>
  </si>
  <si>
    <t>8702</t>
  </si>
  <si>
    <t>141.742</t>
  </si>
  <si>
    <t>1.872</t>
  </si>
  <si>
    <t>5.42</t>
  </si>
  <si>
    <t>10/03/2015 12:00:00 AM</t>
  </si>
  <si>
    <t>10/07/2015 12:00:00 AM</t>
  </si>
  <si>
    <t>96858</t>
  </si>
  <si>
    <t>27.534</t>
  </si>
  <si>
    <t>1.819</t>
  </si>
  <si>
    <t>50.55</t>
  </si>
  <si>
    <t>11.243</t>
  </si>
  <si>
    <t>672.7</t>
  </si>
  <si>
    <t>10/04/2015 12:00:00 AM</t>
  </si>
  <si>
    <t>2.571</t>
  </si>
  <si>
    <t>13.35</t>
  </si>
  <si>
    <t>10/05/2015 12:00:00 AM</t>
  </si>
  <si>
    <t>10/09/2015 12:00:00 AM</t>
  </si>
  <si>
    <t>6164</t>
  </si>
  <si>
    <t>2.097</t>
  </si>
  <si>
    <t>76.8</t>
  </si>
  <si>
    <t>2.128</t>
  </si>
  <si>
    <t>15.697</t>
  </si>
  <si>
    <t>10/06/2015 12:00:00 AM</t>
  </si>
  <si>
    <t>3.0815</t>
  </si>
  <si>
    <t>1.597</t>
  </si>
  <si>
    <t>2.58</t>
  </si>
  <si>
    <t>ESTACION TRANSMILENIO CARDIO INFANTIL</t>
  </si>
  <si>
    <t>8.928</t>
  </si>
  <si>
    <t>37352</t>
  </si>
  <si>
    <t>2.527.000</t>
  </si>
  <si>
    <t>27.5</t>
  </si>
  <si>
    <t>9.367</t>
  </si>
  <si>
    <t>5.137</t>
  </si>
  <si>
    <t>1.0909</t>
  </si>
  <si>
    <t>13.247</t>
  </si>
  <si>
    <t>2.536</t>
  </si>
  <si>
    <t>2.921</t>
  </si>
  <si>
    <t>13.885</t>
  </si>
  <si>
    <t>1694</t>
  </si>
  <si>
    <t>10/10/2015 12:00:00 AM</t>
  </si>
  <si>
    <t>5292</t>
  </si>
  <si>
    <t>10/08/2015 12:00:00 AM</t>
  </si>
  <si>
    <t>1.941</t>
  </si>
  <si>
    <t>2.2786</t>
  </si>
  <si>
    <t>7.25</t>
  </si>
  <si>
    <t>1.175</t>
  </si>
  <si>
    <t>4.55</t>
  </si>
  <si>
    <t>8.006</t>
  </si>
  <si>
    <t>46.666</t>
  </si>
  <si>
    <t>6594</t>
  </si>
  <si>
    <t>3.218</t>
  </si>
  <si>
    <t>4.163</t>
  </si>
  <si>
    <t>26.892</t>
  </si>
  <si>
    <t>21.675</t>
  </si>
  <si>
    <t>3.503</t>
  </si>
  <si>
    <t>9.423</t>
  </si>
  <si>
    <t>1.342</t>
  </si>
  <si>
    <t>1.2548</t>
  </si>
  <si>
    <t>5.742</t>
  </si>
  <si>
    <t>2.061</t>
  </si>
  <si>
    <t>3.255</t>
  </si>
  <si>
    <t>1.173</t>
  </si>
  <si>
    <t>7.28</t>
  </si>
  <si>
    <t>30.043</t>
  </si>
  <si>
    <t>19.4</t>
  </si>
  <si>
    <t>2.299</t>
  </si>
  <si>
    <t>2.904</t>
  </si>
  <si>
    <t>4.977</t>
  </si>
  <si>
    <t>8.685</t>
  </si>
  <si>
    <t>33.232</t>
  </si>
  <si>
    <t>10/11/2015 12:00:00 AM</t>
  </si>
  <si>
    <t>2.323</t>
  </si>
  <si>
    <t>27.4</t>
  </si>
  <si>
    <t>2.112</t>
  </si>
  <si>
    <t>126.541</t>
  </si>
  <si>
    <t>1.029</t>
  </si>
  <si>
    <t>2.989</t>
  </si>
  <si>
    <t>10/12/2015 12:00:00 AM</t>
  </si>
  <si>
    <t>6.819</t>
  </si>
  <si>
    <t>17.3</t>
  </si>
  <si>
    <t>10/13/2015 12:00:00 AM</t>
  </si>
  <si>
    <t>2.0498</t>
  </si>
  <si>
    <t>1.584</t>
  </si>
  <si>
    <t>111.075</t>
  </si>
  <si>
    <t>6.8</t>
  </si>
  <si>
    <t>5.455</t>
  </si>
  <si>
    <t>58.875</t>
  </si>
  <si>
    <t>1.064</t>
  </si>
  <si>
    <t>23.826</t>
  </si>
  <si>
    <t>9.024</t>
  </si>
  <si>
    <t>75.047</t>
  </si>
  <si>
    <t>10/14/2015 12:00:00 AM</t>
  </si>
  <si>
    <t>1.048</t>
  </si>
  <si>
    <t>5.4941</t>
  </si>
  <si>
    <t>20.066</t>
  </si>
  <si>
    <t>2.182</t>
  </si>
  <si>
    <t>5.489</t>
  </si>
  <si>
    <t>496.808</t>
  </si>
  <si>
    <t>1.218</t>
  </si>
  <si>
    <t>262.027</t>
  </si>
  <si>
    <t>2.488</t>
  </si>
  <si>
    <t>2.486</t>
  </si>
  <si>
    <t>31.2</t>
  </si>
  <si>
    <t>19.92</t>
  </si>
  <si>
    <t>10/15/2015 12:00:00 AM</t>
  </si>
  <si>
    <t>1.2195</t>
  </si>
  <si>
    <t>5.515</t>
  </si>
  <si>
    <t>4441</t>
  </si>
  <si>
    <t>18.01</t>
  </si>
  <si>
    <t>3.118</t>
  </si>
  <si>
    <t>3.002</t>
  </si>
  <si>
    <t>1.616.000</t>
  </si>
  <si>
    <t>10.765</t>
  </si>
  <si>
    <t>10/16/2015 12:00:00 AM</t>
  </si>
  <si>
    <t>1.8234</t>
  </si>
  <si>
    <t>34.25</t>
  </si>
  <si>
    <t>5385</t>
  </si>
  <si>
    <t>10/17/2015 12:00:00 AM</t>
  </si>
  <si>
    <t>4592</t>
  </si>
  <si>
    <t>468.911</t>
  </si>
  <si>
    <t>148.425</t>
  </si>
  <si>
    <t>26.8</t>
  </si>
  <si>
    <t>1.751</t>
  </si>
  <si>
    <t>18.405</t>
  </si>
  <si>
    <t>1.502</t>
  </si>
  <si>
    <t>1.140.000</t>
  </si>
  <si>
    <t>2.269</t>
  </si>
  <si>
    <t>10/18/2015 12:00:00 AM</t>
  </si>
  <si>
    <t>9.894</t>
  </si>
  <si>
    <t>48.175</t>
  </si>
  <si>
    <t>3.738</t>
  </si>
  <si>
    <t>10/19/2015 12:00:00 AM</t>
  </si>
  <si>
    <t>8946</t>
  </si>
  <si>
    <t>3.6274</t>
  </si>
  <si>
    <t>5.934</t>
  </si>
  <si>
    <t>9729</t>
  </si>
  <si>
    <t>3.243</t>
  </si>
  <si>
    <t>162.6</t>
  </si>
  <si>
    <t>1.289</t>
  </si>
  <si>
    <t>47.595</t>
  </si>
  <si>
    <t>10/20/2015 12:00:00 AM</t>
  </si>
  <si>
    <t>7363</t>
  </si>
  <si>
    <t>2.8083</t>
  </si>
  <si>
    <t>57.887</t>
  </si>
  <si>
    <t>21.099</t>
  </si>
  <si>
    <t>13.12</t>
  </si>
  <si>
    <t>3.242</t>
  </si>
  <si>
    <t>10/21/2015 12:00:00 AM</t>
  </si>
  <si>
    <t>6784</t>
  </si>
  <si>
    <t>2.617</t>
  </si>
  <si>
    <t>2.742</t>
  </si>
  <si>
    <t>1.967</t>
  </si>
  <si>
    <t>8.94</t>
  </si>
  <si>
    <t>128.639</t>
  </si>
  <si>
    <t>10/22/2015 12:00:00 AM</t>
  </si>
  <si>
    <t>45.993</t>
  </si>
  <si>
    <t>63.314</t>
  </si>
  <si>
    <t>2.52</t>
  </si>
  <si>
    <t>2.188</t>
  </si>
  <si>
    <t>39.109</t>
  </si>
  <si>
    <t>297.128</t>
  </si>
  <si>
    <t>1.6325</t>
  </si>
  <si>
    <t>1.1223</t>
  </si>
  <si>
    <t>4.8975</t>
  </si>
  <si>
    <t>5.561</t>
  </si>
  <si>
    <t>CASETA COMUNAL</t>
  </si>
  <si>
    <t>8.131</t>
  </si>
  <si>
    <t>1.575</t>
  </si>
  <si>
    <t>10.177</t>
  </si>
  <si>
    <t>12.559</t>
  </si>
  <si>
    <t>15.096</t>
  </si>
  <si>
    <t>10/23/2015 12:00:00 AM</t>
  </si>
  <si>
    <t>3.597</t>
  </si>
  <si>
    <t>301.8</t>
  </si>
  <si>
    <t>21.494</t>
  </si>
  <si>
    <t>251.513</t>
  </si>
  <si>
    <t>66.087</t>
  </si>
  <si>
    <t>10.085</t>
  </si>
  <si>
    <t>3.506</t>
  </si>
  <si>
    <t>10/24/2015 12:00:00 AM</t>
  </si>
  <si>
    <t>3.548</t>
  </si>
  <si>
    <t>14.988</t>
  </si>
  <si>
    <t>15.251</t>
  </si>
  <si>
    <t>1.161</t>
  </si>
  <si>
    <t>9.095</t>
  </si>
  <si>
    <t>3.922</t>
  </si>
  <si>
    <t>10/25/2015 12:00:00 AM</t>
  </si>
  <si>
    <t>1.604</t>
  </si>
  <si>
    <t>10/26/2015 12:00:00 AM</t>
  </si>
  <si>
    <t>10/27/2015 12:00:00 AM</t>
  </si>
  <si>
    <t>3461</t>
  </si>
  <si>
    <t>2.0447</t>
  </si>
  <si>
    <t>1.358</t>
  </si>
  <si>
    <t>8008</t>
  </si>
  <si>
    <t>4726</t>
  </si>
  <si>
    <t>1.686.012</t>
  </si>
  <si>
    <t>1.2391</t>
  </si>
  <si>
    <t>6.4579</t>
  </si>
  <si>
    <t>6.182</t>
  </si>
  <si>
    <t>100.047</t>
  </si>
  <si>
    <t>2.759</t>
  </si>
  <si>
    <t>10/28/2015 12:00:00 AM</t>
  </si>
  <si>
    <t>9615</t>
  </si>
  <si>
    <t>3.5055</t>
  </si>
  <si>
    <t>1.201</t>
  </si>
  <si>
    <t>8.745</t>
  </si>
  <si>
    <t>206.121</t>
  </si>
  <si>
    <t>73.035</t>
  </si>
  <si>
    <t>4.56</t>
  </si>
  <si>
    <t>1.702</t>
  </si>
  <si>
    <t>2.025</t>
  </si>
  <si>
    <t>10.02</t>
  </si>
  <si>
    <t>10/29/2015 12:00:00 AM</t>
  </si>
  <si>
    <t>14.012</t>
  </si>
  <si>
    <t>1.764</t>
  </si>
  <si>
    <t>2.39</t>
  </si>
  <si>
    <t>227.55</t>
  </si>
  <si>
    <t>3.625</t>
  </si>
  <si>
    <t>44.311</t>
  </si>
  <si>
    <t>5.689</t>
  </si>
  <si>
    <t>215.14</t>
  </si>
  <si>
    <t>215.355</t>
  </si>
  <si>
    <t>1.107</t>
  </si>
  <si>
    <t>20.2</t>
  </si>
  <si>
    <t>30.07</t>
  </si>
  <si>
    <t>10/30/2015 12:00:00 AM</t>
  </si>
  <si>
    <t>1724</t>
  </si>
  <si>
    <t>51.52</t>
  </si>
  <si>
    <t>47.52</t>
  </si>
  <si>
    <t>10.33</t>
  </si>
  <si>
    <t>1.838</t>
  </si>
  <si>
    <t>239.99</t>
  </si>
  <si>
    <t>7.39</t>
  </si>
  <si>
    <t>10/31/2015 12:00:00 AM</t>
  </si>
  <si>
    <t>6.067</t>
  </si>
  <si>
    <t>1.689</t>
  </si>
  <si>
    <t>2.706</t>
  </si>
  <si>
    <t>6.172</t>
  </si>
  <si>
    <t>14.21</t>
  </si>
  <si>
    <t>11/01/2015 12:00:00 AM</t>
  </si>
  <si>
    <t>1.069</t>
  </si>
  <si>
    <t>3.3552</t>
  </si>
  <si>
    <t>10.232</t>
  </si>
  <si>
    <t>27.84</t>
  </si>
  <si>
    <t>1.63</t>
  </si>
  <si>
    <t>11/02/2015 12:00:00 AM</t>
  </si>
  <si>
    <t>1.5944</t>
  </si>
  <si>
    <t>2.139</t>
  </si>
  <si>
    <t>11/04/2015 12:00:00 AM</t>
  </si>
  <si>
    <t>11/03/2015 12:00:00 AM</t>
  </si>
  <si>
    <t>1.265</t>
  </si>
  <si>
    <t>24.451</t>
  </si>
  <si>
    <t>2.0736</t>
  </si>
  <si>
    <t>124.911</t>
  </si>
  <si>
    <t>5.028</t>
  </si>
  <si>
    <t>11/05/2015 12:00:00 AM</t>
  </si>
  <si>
    <t>7291</t>
  </si>
  <si>
    <t>81.5</t>
  </si>
  <si>
    <t>2.27</t>
  </si>
  <si>
    <t>5.05</t>
  </si>
  <si>
    <t>49.9</t>
  </si>
  <si>
    <t>11/06/2015 12:00:00 AM</t>
  </si>
  <si>
    <t>8.881</t>
  </si>
  <si>
    <t>11/07/2015 12:00:00 AM</t>
  </si>
  <si>
    <t>32.48</t>
  </si>
  <si>
    <t>11.6</t>
  </si>
  <si>
    <t>1.0118</t>
  </si>
  <si>
    <t>1.685.000</t>
  </si>
  <si>
    <t>311.008</t>
  </si>
  <si>
    <t>11.028</t>
  </si>
  <si>
    <t>5.03</t>
  </si>
  <si>
    <t>11/08/2015 12:00:00 AM</t>
  </si>
  <si>
    <t>1.3904</t>
  </si>
  <si>
    <t>2.073</t>
  </si>
  <si>
    <t>74.211</t>
  </si>
  <si>
    <t>5.943</t>
  </si>
  <si>
    <t>11/09/2015 12:00:00 AM</t>
  </si>
  <si>
    <t>2931</t>
  </si>
  <si>
    <t>6131</t>
  </si>
  <si>
    <t>18.094</t>
  </si>
  <si>
    <t>11/10/2015 12:00:00 AM</t>
  </si>
  <si>
    <t>1.1507</t>
  </si>
  <si>
    <t>92.138</t>
  </si>
  <si>
    <t>1.279</t>
  </si>
  <si>
    <t>11/11/2015 12:00:00 AM</t>
  </si>
  <si>
    <t>1.282</t>
  </si>
  <si>
    <t>76.194</t>
  </si>
  <si>
    <t>5.376</t>
  </si>
  <si>
    <t>355.6</t>
  </si>
  <si>
    <t>82.6</t>
  </si>
  <si>
    <t>11/12/2015 12:00:00 AM</t>
  </si>
  <si>
    <t>1.516</t>
  </si>
  <si>
    <t>2597</t>
  </si>
  <si>
    <t>7743</t>
  </si>
  <si>
    <t>1.745</t>
  </si>
  <si>
    <t>39.546</t>
  </si>
  <si>
    <t>2.57</t>
  </si>
  <si>
    <t>17.2</t>
  </si>
  <si>
    <t>95.1</t>
  </si>
  <si>
    <t>5.523</t>
  </si>
  <si>
    <t>1.609</t>
  </si>
  <si>
    <t>3.158</t>
  </si>
  <si>
    <t>4.106</t>
  </si>
  <si>
    <t>11/13/2015 12:00:00 AM</t>
  </si>
  <si>
    <t>4438</t>
  </si>
  <si>
    <t>1.0817</t>
  </si>
  <si>
    <t>1.5895</t>
  </si>
  <si>
    <t>3.116</t>
  </si>
  <si>
    <t>891.593</t>
  </si>
  <si>
    <t>3.998</t>
  </si>
  <si>
    <t>5.4497</t>
  </si>
  <si>
    <t>18.36</t>
  </si>
  <si>
    <t>71.172</t>
  </si>
  <si>
    <t>15.391</t>
  </si>
  <si>
    <t>1.64</t>
  </si>
  <si>
    <t>5.908</t>
  </si>
  <si>
    <t>84.32</t>
  </si>
  <si>
    <t>11/14/2015 12:00:00 AM</t>
  </si>
  <si>
    <t>4419</t>
  </si>
  <si>
    <t>8204</t>
  </si>
  <si>
    <t>4.891</t>
  </si>
  <si>
    <t>11005</t>
  </si>
  <si>
    <t>11/15/2015 12:00:00 AM</t>
  </si>
  <si>
    <t>1.068</t>
  </si>
  <si>
    <t>1.2035</t>
  </si>
  <si>
    <t>2.4151</t>
  </si>
  <si>
    <t>26.463</t>
  </si>
  <si>
    <t>1.141</t>
  </si>
  <si>
    <t>55.066</t>
  </si>
  <si>
    <t>11/16/2015 12:00:00 AM</t>
  </si>
  <si>
    <t>3.424</t>
  </si>
  <si>
    <t>11/17/2015 12:00:00 AM</t>
  </si>
  <si>
    <t>3.635</t>
  </si>
  <si>
    <t>11/18/2015 12:00:00 AM</t>
  </si>
  <si>
    <t>163.004</t>
  </si>
  <si>
    <t>1.276</t>
  </si>
  <si>
    <t>36.62</t>
  </si>
  <si>
    <t>ESTACION TRANSMILENIO SAN FACON-CRA 22</t>
  </si>
  <si>
    <t>2.000.000</t>
  </si>
  <si>
    <t>4552</t>
  </si>
  <si>
    <t>1.617</t>
  </si>
  <si>
    <t>4.158</t>
  </si>
  <si>
    <t>33.532</t>
  </si>
  <si>
    <t>52.42</t>
  </si>
  <si>
    <t>29.891</t>
  </si>
  <si>
    <t>13.4</t>
  </si>
  <si>
    <t>654.5</t>
  </si>
  <si>
    <t>53.08</t>
  </si>
  <si>
    <t>11/19/2015 12:00:00 AM</t>
  </si>
  <si>
    <t>3.726</t>
  </si>
  <si>
    <t>1.397</t>
  </si>
  <si>
    <t>1.339.000</t>
  </si>
  <si>
    <t>22.937</t>
  </si>
  <si>
    <t>11.01</t>
  </si>
  <si>
    <t>11/20/2015 12:00:00 AM</t>
  </si>
  <si>
    <t>1.4807</t>
  </si>
  <si>
    <t>1.084</t>
  </si>
  <si>
    <t>1.869</t>
  </si>
  <si>
    <t>4.228</t>
  </si>
  <si>
    <t>2.82</t>
  </si>
  <si>
    <t>3.555</t>
  </si>
  <si>
    <t>24.009</t>
  </si>
  <si>
    <t>11/21/2015 12:00:00 AM</t>
  </si>
  <si>
    <t>365.5</t>
  </si>
  <si>
    <t>2.454</t>
  </si>
  <si>
    <t>3.51</t>
  </si>
  <si>
    <t>3.070.000</t>
  </si>
  <si>
    <t>3.985</t>
  </si>
  <si>
    <t>11/22/2015 12:00:00 AM</t>
  </si>
  <si>
    <t>1.0358</t>
  </si>
  <si>
    <t>3.4259</t>
  </si>
  <si>
    <t>4.025</t>
  </si>
  <si>
    <t>130.14</t>
  </si>
  <si>
    <t>4.002</t>
  </si>
  <si>
    <t>11/23/2015 12:00:00 AM</t>
  </si>
  <si>
    <t>2.8129</t>
  </si>
  <si>
    <t>3274</t>
  </si>
  <si>
    <t>477.3</t>
  </si>
  <si>
    <t>11/24/2015 12:00:00 AM</t>
  </si>
  <si>
    <t>8473</t>
  </si>
  <si>
    <t>2.0829</t>
  </si>
  <si>
    <t>259.881</t>
  </si>
  <si>
    <t>1.774</t>
  </si>
  <si>
    <t>21.3</t>
  </si>
  <si>
    <t>19.476</t>
  </si>
  <si>
    <t>15.43</t>
  </si>
  <si>
    <t>34.4</t>
  </si>
  <si>
    <t>504.911</t>
  </si>
  <si>
    <t>466.469</t>
  </si>
  <si>
    <t>5537</t>
  </si>
  <si>
    <t>12.866</t>
  </si>
  <si>
    <t>15.84</t>
  </si>
  <si>
    <t>11/25/2015 12:00:00 AM</t>
  </si>
  <si>
    <t>8772</t>
  </si>
  <si>
    <t>2.699</t>
  </si>
  <si>
    <t>3.099</t>
  </si>
  <si>
    <t>5.981</t>
  </si>
  <si>
    <t>1.993</t>
  </si>
  <si>
    <t>16.815</t>
  </si>
  <si>
    <t>6.4</t>
  </si>
  <si>
    <t>54.15</t>
  </si>
  <si>
    <t>84.74</t>
  </si>
  <si>
    <t>140.139</t>
  </si>
  <si>
    <t>51.045</t>
  </si>
  <si>
    <t>6.685</t>
  </si>
  <si>
    <t>11/26/2015 12:00:00 AM</t>
  </si>
  <si>
    <t>1.0245</t>
  </si>
  <si>
    <t>3.5116</t>
  </si>
  <si>
    <t>7.95</t>
  </si>
  <si>
    <t>8.23</t>
  </si>
  <si>
    <t>8.229</t>
  </si>
  <si>
    <t>30.5</t>
  </si>
  <si>
    <t>344.746</t>
  </si>
  <si>
    <t>172.112</t>
  </si>
  <si>
    <t>5.059</t>
  </si>
  <si>
    <t>11/28/2015 12:00:00 AM</t>
  </si>
  <si>
    <t>2.873</t>
  </si>
  <si>
    <t>11/27/2015 12:00:00 AM</t>
  </si>
  <si>
    <t>2.167</t>
  </si>
  <si>
    <t>5.954</t>
  </si>
  <si>
    <t>48.82</t>
  </si>
  <si>
    <t>3.011</t>
  </si>
  <si>
    <t>211.003</t>
  </si>
  <si>
    <t>1.098</t>
  </si>
  <si>
    <t>1.902</t>
  </si>
  <si>
    <t>11/29/2015 12:00:00 AM</t>
  </si>
  <si>
    <t>6503</t>
  </si>
  <si>
    <t>11/30/2015 12:00:00 AM</t>
  </si>
  <si>
    <t>4.68</t>
  </si>
  <si>
    <t>6291</t>
  </si>
  <si>
    <t>5512</t>
  </si>
  <si>
    <t>35.706</t>
  </si>
  <si>
    <t>25.05</t>
  </si>
  <si>
    <t>12/01/2015 12:00:00 AM</t>
  </si>
  <si>
    <t>3.534</t>
  </si>
  <si>
    <t>217.128</t>
  </si>
  <si>
    <t>1.488</t>
  </si>
  <si>
    <t>17.001</t>
  </si>
  <si>
    <t>12/02/2015 12:00:00 AM</t>
  </si>
  <si>
    <t>9.999</t>
  </si>
  <si>
    <t>1.238</t>
  </si>
  <si>
    <t>29.681</t>
  </si>
  <si>
    <t>86.019</t>
  </si>
  <si>
    <t>12.034</t>
  </si>
  <si>
    <t>12/03/2015 12:00:00 AM</t>
  </si>
  <si>
    <t>5479</t>
  </si>
  <si>
    <t>1.551</t>
  </si>
  <si>
    <t>1.179.000</t>
  </si>
  <si>
    <t>12/04/2015 12:00:00 AM</t>
  </si>
  <si>
    <t>3.556</t>
  </si>
  <si>
    <t>3.783</t>
  </si>
  <si>
    <t>19.593</t>
  </si>
  <si>
    <t>4.313</t>
  </si>
  <si>
    <t>12/05/2015 12:00:00 AM</t>
  </si>
  <si>
    <t>3.71</t>
  </si>
  <si>
    <t>2.53</t>
  </si>
  <si>
    <t>5.904</t>
  </si>
  <si>
    <t>18.166</t>
  </si>
  <si>
    <t>2.961</t>
  </si>
  <si>
    <t>12/06/2015 12:00:00 AM</t>
  </si>
  <si>
    <t>1.8367</t>
  </si>
  <si>
    <t>4.519</t>
  </si>
  <si>
    <t>2.875</t>
  </si>
  <si>
    <t>145.527</t>
  </si>
  <si>
    <t>12/07/2015 12:00:00 AM</t>
  </si>
  <si>
    <t>641.61</t>
  </si>
  <si>
    <t>3.3189</t>
  </si>
  <si>
    <t>34.937</t>
  </si>
  <si>
    <t>119.002</t>
  </si>
  <si>
    <t>38.5</t>
  </si>
  <si>
    <t>525.074</t>
  </si>
  <si>
    <t>12/08/2015 12:00:00 AM</t>
  </si>
  <si>
    <t>1.8038</t>
  </si>
  <si>
    <t>75.74</t>
  </si>
  <si>
    <t>19.817</t>
  </si>
  <si>
    <t>2.257</t>
  </si>
  <si>
    <t>5.525</t>
  </si>
  <si>
    <t>12/09/2015 12:00:00 AM</t>
  </si>
  <si>
    <t>LABORATORIO-TOMA DE MUESTRAS</t>
  </si>
  <si>
    <t>238.04</t>
  </si>
  <si>
    <t>357.06</t>
  </si>
  <si>
    <t>64.92</t>
  </si>
  <si>
    <t>1.432</t>
  </si>
  <si>
    <t>3.692</t>
  </si>
  <si>
    <t>495.029</t>
  </si>
  <si>
    <t>12/10/2015 12:00:00 AM</t>
  </si>
  <si>
    <t>6059</t>
  </si>
  <si>
    <t>23.0905</t>
  </si>
  <si>
    <t>49.321</t>
  </si>
  <si>
    <t>2.261</t>
  </si>
  <si>
    <t>2.2876</t>
  </si>
  <si>
    <t>27.78</t>
  </si>
  <si>
    <t>108.5</t>
  </si>
  <si>
    <t>10.009</t>
  </si>
  <si>
    <t>8.57</t>
  </si>
  <si>
    <t>12/11/2015 12:00:00 AM</t>
  </si>
  <si>
    <t>5693</t>
  </si>
  <si>
    <t>2.043</t>
  </si>
  <si>
    <t>10.87</t>
  </si>
  <si>
    <t>7272</t>
  </si>
  <si>
    <t>1.374.012</t>
  </si>
  <si>
    <t>12/12/2015 12:00:00 AM</t>
  </si>
  <si>
    <t>4.112</t>
  </si>
  <si>
    <t>5312</t>
  </si>
  <si>
    <t>1.656</t>
  </si>
  <si>
    <t>81.05</t>
  </si>
  <si>
    <t>10.997</t>
  </si>
  <si>
    <t>6.01</t>
  </si>
  <si>
    <t>36.48</t>
  </si>
  <si>
    <t>12/13/2015 12:00:00 AM</t>
  </si>
  <si>
    <t>234.016</t>
  </si>
  <si>
    <t>2.0338</t>
  </si>
  <si>
    <t>1.9325</t>
  </si>
  <si>
    <t>4.859</t>
  </si>
  <si>
    <t>1.253</t>
  </si>
  <si>
    <t>7246</t>
  </si>
  <si>
    <t>1.0725</t>
  </si>
  <si>
    <t>12/14/2015 12:00:00 AM</t>
  </si>
  <si>
    <t>24.7</t>
  </si>
  <si>
    <t>1.836</t>
  </si>
  <si>
    <t>2.217</t>
  </si>
  <si>
    <t>5.232</t>
  </si>
  <si>
    <t>62.5</t>
  </si>
  <si>
    <t>12/15/2015 12:00:00 AM</t>
  </si>
  <si>
    <t>4.4204</t>
  </si>
  <si>
    <t>90.522</t>
  </si>
  <si>
    <t>2.102</t>
  </si>
  <si>
    <t>12.71</t>
  </si>
  <si>
    <t>2.248</t>
  </si>
  <si>
    <t>12/16/2015 12:00:00 AM</t>
  </si>
  <si>
    <t>10.64</t>
  </si>
  <si>
    <t>1.328</t>
  </si>
  <si>
    <t>6.406</t>
  </si>
  <si>
    <t>12/17/2015 12:00:00 AM</t>
  </si>
  <si>
    <t>12/19/2015 12:00:00 AM</t>
  </si>
  <si>
    <t>6707</t>
  </si>
  <si>
    <t>3.000.000</t>
  </si>
  <si>
    <t>2.315.505</t>
  </si>
  <si>
    <t>12/18/2015 12:00:00 AM</t>
  </si>
  <si>
    <t>4.465</t>
  </si>
  <si>
    <t>7.158</t>
  </si>
  <si>
    <t>118.364</t>
  </si>
  <si>
    <t>4358</t>
  </si>
  <si>
    <t>18.63</t>
  </si>
  <si>
    <t>3.025</t>
  </si>
  <si>
    <t>12/20/2015 12:00:00 AM</t>
  </si>
  <si>
    <t>12/21/2015 12:00:00 AM</t>
  </si>
  <si>
    <t>1.943</t>
  </si>
  <si>
    <t>17.787</t>
  </si>
  <si>
    <t>4.62</t>
  </si>
  <si>
    <t>11.307</t>
  </si>
  <si>
    <t>12/22/2015 12:00:00 AM</t>
  </si>
  <si>
    <t>150.503</t>
  </si>
  <si>
    <t>46.992</t>
  </si>
  <si>
    <t>220.321</t>
  </si>
  <si>
    <t>5.033</t>
  </si>
  <si>
    <t>5.096</t>
  </si>
  <si>
    <t>4.473</t>
  </si>
  <si>
    <t>67.4</t>
  </si>
  <si>
    <t>12/23/2015 12:00:00 AM</t>
  </si>
  <si>
    <t>4.152</t>
  </si>
  <si>
    <t>81.2</t>
  </si>
  <si>
    <t>4.038</t>
  </si>
  <si>
    <t>16.989</t>
  </si>
  <si>
    <t>12/24/2015 12:00:00 AM</t>
  </si>
  <si>
    <t>12/25/2015 12:00:00 AM</t>
  </si>
  <si>
    <t>5.014</t>
  </si>
  <si>
    <t>12/26/2015 12:00:00 AM</t>
  </si>
  <si>
    <t>12/29/2015 12:00:00 AM</t>
  </si>
  <si>
    <t>1.0971</t>
  </si>
  <si>
    <t>12/27/2015 12:00:00 AM</t>
  </si>
  <si>
    <t>1.884</t>
  </si>
  <si>
    <t>12/28/2015 12:00:00 AM</t>
  </si>
  <si>
    <t>2.2334</t>
  </si>
  <si>
    <t>16.7</t>
  </si>
  <si>
    <t>12476</t>
  </si>
  <si>
    <t>3.553</t>
  </si>
  <si>
    <t>19.265</t>
  </si>
  <si>
    <t>21.94</t>
  </si>
  <si>
    <t>54.045</t>
  </si>
  <si>
    <t>12/30/2015 12:00:00 AM</t>
  </si>
  <si>
    <t>ESTACION TRANSMILENIO MOLINOS</t>
  </si>
  <si>
    <t>12/31/2015 12:00:00 AM</t>
  </si>
  <si>
    <t>01/01/2016 12:00:00 AM</t>
  </si>
  <si>
    <t>01/02/2016 12:00:00 AM</t>
  </si>
  <si>
    <t>364.5</t>
  </si>
  <si>
    <t>01/03/2016 12:00:00 AM</t>
  </si>
  <si>
    <t>1077.6</t>
  </si>
  <si>
    <t>01/04/2016 12:00:00 AM</t>
  </si>
  <si>
    <t>98.8</t>
  </si>
  <si>
    <t>01/05/2016 12:00:00 AM</t>
  </si>
  <si>
    <t>145.7</t>
  </si>
  <si>
    <t>01/06/2016 12:00:00 AM</t>
  </si>
  <si>
    <t>01/07/2016 12:00:00 AM</t>
  </si>
  <si>
    <t>301.5</t>
  </si>
  <si>
    <t>01/08/2016 12:00:00 AM</t>
  </si>
  <si>
    <t>560.7</t>
  </si>
  <si>
    <t>01/09/2016 12:00:00 AM</t>
  </si>
  <si>
    <t>903.5</t>
  </si>
  <si>
    <t>01/10/2016 12:00:00 AM</t>
  </si>
  <si>
    <t>960.5</t>
  </si>
  <si>
    <t>01/11/2016 12:00:00 AM</t>
  </si>
  <si>
    <t>357.7</t>
  </si>
  <si>
    <t>01/12/2016 12:00:00 AM</t>
  </si>
  <si>
    <t>1454.7</t>
  </si>
  <si>
    <t>01/13/2016 12:00:00 AM</t>
  </si>
  <si>
    <t>755.8</t>
  </si>
  <si>
    <t>01/14/2016 12:00:00 AM</t>
  </si>
  <si>
    <t>1386.9</t>
  </si>
  <si>
    <t>01/15/2016 12:00:00 AM</t>
  </si>
  <si>
    <t>2012.8</t>
  </si>
  <si>
    <t>01/16/2016 12:00:00 AM</t>
  </si>
  <si>
    <t>750.1</t>
  </si>
  <si>
    <t>01/17/2016 12:00:00 AM</t>
  </si>
  <si>
    <t>827.5</t>
  </si>
  <si>
    <t>01/18/2016 12:00:00 AM</t>
  </si>
  <si>
    <t>CARRIL EXCLUSIVO TRANSPORTE MASIVO</t>
  </si>
  <si>
    <t>463.1</t>
  </si>
  <si>
    <t>01/19/2016 12:00:00 AM</t>
  </si>
  <si>
    <t>01/20/2016 12:00:00 AM</t>
  </si>
  <si>
    <t>788.9</t>
  </si>
  <si>
    <t>01/21/2016 12:00:00 AM</t>
  </si>
  <si>
    <t>01/22/2016 12:00:00 AM</t>
  </si>
  <si>
    <t>01/23/2016 12:00:00 AM</t>
  </si>
  <si>
    <t>01/24/2016 12:00:00 AM</t>
  </si>
  <si>
    <t>1129.4</t>
  </si>
  <si>
    <t>01/25/2016 12:00:00 AM</t>
  </si>
  <si>
    <t>01/26/2016 12:00:00 AM</t>
  </si>
  <si>
    <t>1113.7</t>
  </si>
  <si>
    <t>01/27/2016 12:00:00 AM</t>
  </si>
  <si>
    <t>601.2</t>
  </si>
  <si>
    <t>01/28/2016 12:00:00 AM</t>
  </si>
  <si>
    <t>855.3</t>
  </si>
  <si>
    <t>01/29/2016 12:00:00 AM</t>
  </si>
  <si>
    <t>885.3</t>
  </si>
  <si>
    <t>01/30/2016 12:00:00 AM</t>
  </si>
  <si>
    <t>01/31/2016 12:00:00 AM</t>
  </si>
  <si>
    <t>350.5</t>
  </si>
  <si>
    <t>02/01/2016 12:00:00 AM</t>
  </si>
  <si>
    <t>02/02/2016 12:00:00 AM</t>
  </si>
  <si>
    <t>1703.6</t>
  </si>
  <si>
    <t>02/03/2016 12:00:00 AM</t>
  </si>
  <si>
    <t>742.1</t>
  </si>
  <si>
    <t>02/04/2016 12:00:00 AM</t>
  </si>
  <si>
    <t>1439.8</t>
  </si>
  <si>
    <t>02/05/2016 12:00:00 AM</t>
  </si>
  <si>
    <t>02/06/2016 12:00:00 AM</t>
  </si>
  <si>
    <t>3497.7</t>
  </si>
  <si>
    <t>02/07/2016 12:00:00 AM</t>
  </si>
  <si>
    <t>664.5</t>
  </si>
  <si>
    <t>02/08/2016 12:00:00 AM</t>
  </si>
  <si>
    <t>02/09/2016 12:00:00 AM</t>
  </si>
  <si>
    <t>512.2</t>
  </si>
  <si>
    <t>02/10/2016 12:00:00 AM</t>
  </si>
  <si>
    <t>584.5</t>
  </si>
  <si>
    <t>02/11/2016 12:00:00 AM</t>
  </si>
  <si>
    <t>02/12/2016 12:00:00 AM</t>
  </si>
  <si>
    <t>717.2</t>
  </si>
  <si>
    <t>02/13/2016 12:00:00 AM</t>
  </si>
  <si>
    <t>02/14/2016 12:00:00 AM</t>
  </si>
  <si>
    <t>02/15/2016 12:00:00 AM</t>
  </si>
  <si>
    <t>02/16/2016 12:00:00 AM</t>
  </si>
  <si>
    <t>604.5</t>
  </si>
  <si>
    <t>02/17/2016 12:00:00 AM</t>
  </si>
  <si>
    <t>02/18/2016 12:00:00 AM</t>
  </si>
  <si>
    <t>660.1</t>
  </si>
  <si>
    <t>02/19/2016 12:00:00 AM</t>
  </si>
  <si>
    <t>02/20/2016 12:00:00 AM</t>
  </si>
  <si>
    <t>02/21/2016 12:00:00 AM</t>
  </si>
  <si>
    <t>02/22/2016 12:00:00 AM</t>
  </si>
  <si>
    <t>02/23/2016 12:00:00 AM</t>
  </si>
  <si>
    <t>494.8</t>
  </si>
  <si>
    <t>02/24/2016 12:00:00 AM</t>
  </si>
  <si>
    <t>02/25/2016 12:00:00 AM</t>
  </si>
  <si>
    <t>02/26/2016 12:00:00 AM</t>
  </si>
  <si>
    <t>02/27/2016 12:00:00 AM</t>
  </si>
  <si>
    <t>1394.5</t>
  </si>
  <si>
    <t>02/28/2016 12:00:00 AM</t>
  </si>
  <si>
    <t>875.5</t>
  </si>
  <si>
    <t>02/29/2016 12:00:00 AM</t>
  </si>
  <si>
    <t>03/01/2016 12:00:00 AM</t>
  </si>
  <si>
    <t>451.5</t>
  </si>
  <si>
    <t>03/02/2016 12:00:00 AM</t>
  </si>
  <si>
    <t>03/03/2016 12:00:00 AM</t>
  </si>
  <si>
    <t>03/04/2016 12:00:00 AM</t>
  </si>
  <si>
    <t>759.5</t>
  </si>
  <si>
    <t>03/05/2016 12:00:00 AM</t>
  </si>
  <si>
    <t>1004.9</t>
  </si>
  <si>
    <t>03/06/2016 12:00:00 AM</t>
  </si>
  <si>
    <t>840.4</t>
  </si>
  <si>
    <t>03/07/2016 12:00:00 AM</t>
  </si>
  <si>
    <t>403.2</t>
  </si>
  <si>
    <t>03/08/2016 12:00:00 AM</t>
  </si>
  <si>
    <t>1272.4</t>
  </si>
  <si>
    <t>03/09/2016 12:00:00 AM</t>
  </si>
  <si>
    <t>03/10/2016 12:00:00 AM</t>
  </si>
  <si>
    <t>4634.8</t>
  </si>
  <si>
    <t>03/11/2016 12:00:00 AM</t>
  </si>
  <si>
    <t>840.5</t>
  </si>
  <si>
    <t>03/12/2016 12:00:00 AM</t>
  </si>
  <si>
    <t>1931.5</t>
  </si>
  <si>
    <t>03/13/2016 12:00:00 AM</t>
  </si>
  <si>
    <t>03/14/2016 12:00:00 AM</t>
  </si>
  <si>
    <t>484.5</t>
  </si>
  <si>
    <t>03/15/2016 12:00:00 AM</t>
  </si>
  <si>
    <t>609.2</t>
  </si>
  <si>
    <t>03/16/2016 12:00:00 AM</t>
  </si>
  <si>
    <t>414.7</t>
  </si>
  <si>
    <t>03/17/2016 12:00:00 AM</t>
  </si>
  <si>
    <t>305.2</t>
  </si>
  <si>
    <t>03/18/2016 12:00:00 AM</t>
  </si>
  <si>
    <t>427.5</t>
  </si>
  <si>
    <t>03/19/2016 12:00:00 AM</t>
  </si>
  <si>
    <t>320.6</t>
  </si>
  <si>
    <t>03/20/2016 12:00:00 AM</t>
  </si>
  <si>
    <t>03/21/2016 12:00:00 AM</t>
  </si>
  <si>
    <t>37.2</t>
  </si>
  <si>
    <t>03/22/2016 12:00:00 AM</t>
  </si>
  <si>
    <t>493.8</t>
  </si>
  <si>
    <t>03/23/2016 12:00:00 AM</t>
  </si>
  <si>
    <t>275.7</t>
  </si>
  <si>
    <t>03/24/2016 12:00:00 AM</t>
  </si>
  <si>
    <t>157.6</t>
  </si>
  <si>
    <t>03/25/2016 12:00:00 AM</t>
  </si>
  <si>
    <t>03/26/2016 12:00:00 AM</t>
  </si>
  <si>
    <t>03/27/2016 12:00:00 AM</t>
  </si>
  <si>
    <t>75.3</t>
  </si>
  <si>
    <t>03/28/2016 12:00:00 AM</t>
  </si>
  <si>
    <t>245.8</t>
  </si>
  <si>
    <t>03/29/2016 12:00:00 AM</t>
  </si>
  <si>
    <t>426.5</t>
  </si>
  <si>
    <t>03/30/2016 12:00:00 AM</t>
  </si>
  <si>
    <t>325.9</t>
  </si>
  <si>
    <t>03/31/2016 12:00:00 AM</t>
  </si>
  <si>
    <t>440.3</t>
  </si>
  <si>
    <t>04/01/2016 12:00:00 AM</t>
  </si>
  <si>
    <t>04/02/2016 12:00:00 AM</t>
  </si>
  <si>
    <t>221.3</t>
  </si>
  <si>
    <t>04/03/2016 12:00:00 AM</t>
  </si>
  <si>
    <t>622.4</t>
  </si>
  <si>
    <t>04/04/2016 12:00:00 AM</t>
  </si>
  <si>
    <t>04/05/2016 12:00:00 AM</t>
  </si>
  <si>
    <t>576.1</t>
  </si>
  <si>
    <t>04/06/2016 12:00:00 AM</t>
  </si>
  <si>
    <t>516.8</t>
  </si>
  <si>
    <t>04/07/2016 12:00:00 AM</t>
  </si>
  <si>
    <t>683.9</t>
  </si>
  <si>
    <t>04/08/2016 12:00:00 AM</t>
  </si>
  <si>
    <t>492.1</t>
  </si>
  <si>
    <t>04/09/2016 12:00:00 AM</t>
  </si>
  <si>
    <t>384.8</t>
  </si>
  <si>
    <t>04/10/2016 12:00:00 AM</t>
  </si>
  <si>
    <t>04/11/2016 12:00:00 AM</t>
  </si>
  <si>
    <t>795.5</t>
  </si>
  <si>
    <t>04/12/2016 12:00:00 AM</t>
  </si>
  <si>
    <t>383.5</t>
  </si>
  <si>
    <t>04/13/2016 12:00:00 AM</t>
  </si>
  <si>
    <t>04/14/2016 12:00:00 AM</t>
  </si>
  <si>
    <t>1116.1</t>
  </si>
  <si>
    <t>04/15/2016 12:00:00 AM</t>
  </si>
  <si>
    <t>04/16/2016 12:00:00 AM</t>
  </si>
  <si>
    <t>295.7</t>
  </si>
  <si>
    <t>04/17/2016 12:00:00 AM</t>
  </si>
  <si>
    <t>04/18/2016 12:00:00 AM</t>
  </si>
  <si>
    <t>376.6</t>
  </si>
  <si>
    <t>04/19/2016 12:00:00 AM</t>
  </si>
  <si>
    <t>04/20/2016 12:00:00 AM</t>
  </si>
  <si>
    <t>1407.5</t>
  </si>
  <si>
    <t>04/21/2016 12:00:00 AM</t>
  </si>
  <si>
    <t>04/22/2016 12:00:00 AM</t>
  </si>
  <si>
    <t>04/23/2016 12:00:00 AM</t>
  </si>
  <si>
    <t>890.7</t>
  </si>
  <si>
    <t>04/24/2016 12:00:00 AM</t>
  </si>
  <si>
    <t>04/25/2016 12:00:00 AM</t>
  </si>
  <si>
    <t>617.5</t>
  </si>
  <si>
    <t>04/26/2016 12:00:00 AM</t>
  </si>
  <si>
    <t>04/27/2016 12:00:00 AM</t>
  </si>
  <si>
    <t>1422.1</t>
  </si>
  <si>
    <t>04/28/2016 12:00:00 AM</t>
  </si>
  <si>
    <t>1162.3</t>
  </si>
  <si>
    <t>04/29/2016 12:00:00 AM</t>
  </si>
  <si>
    <t>04/30/2016 12:00:00 AM</t>
  </si>
  <si>
    <t>449.1</t>
  </si>
  <si>
    <t>05/01/2016 12:00:00 AM</t>
  </si>
  <si>
    <t>05/02/2016 12:00:00 AM</t>
  </si>
  <si>
    <t>778.2</t>
  </si>
  <si>
    <t>05/03/2016 12:00:00 AM</t>
  </si>
  <si>
    <t>722.7</t>
  </si>
  <si>
    <t>05/04/2016 12:00:00 AM</t>
  </si>
  <si>
    <t>1172.5</t>
  </si>
  <si>
    <t>05/05/2016 12:00:00 AM</t>
  </si>
  <si>
    <t>904.8</t>
  </si>
  <si>
    <t>05/06/2016 12:00:00 AM</t>
  </si>
  <si>
    <t>05/07/2016 12:00:00 AM</t>
  </si>
  <si>
    <t>525.1</t>
  </si>
  <si>
    <t>05/08/2016 12:00:00 AM</t>
  </si>
  <si>
    <t>05/09/2016 12:00:00 AM</t>
  </si>
  <si>
    <t>05/10/2016 12:00:00 AM</t>
  </si>
  <si>
    <t>05/11/2016 12:00:00 AM</t>
  </si>
  <si>
    <t>628.5</t>
  </si>
  <si>
    <t>05/12/2016 12:00:00 AM</t>
  </si>
  <si>
    <t>05/13/2016 12:00:00 AM</t>
  </si>
  <si>
    <t>05/14/2016 12:00:00 AM</t>
  </si>
  <si>
    <t>391.6</t>
  </si>
  <si>
    <t>05/15/2016 12:00:00 AM</t>
  </si>
  <si>
    <t>05/16/2016 12:00:00 AM</t>
  </si>
  <si>
    <t>05/17/2016 12:00:00 AM</t>
  </si>
  <si>
    <t>3356.1</t>
  </si>
  <si>
    <t>05/18/2016 12:00:00 AM</t>
  </si>
  <si>
    <t>05/19/2016 12:00:00 AM</t>
  </si>
  <si>
    <t>05/20/2016 12:00:00 AM</t>
  </si>
  <si>
    <t>233.3</t>
  </si>
  <si>
    <t>05/21/2016 12:00:00 AM</t>
  </si>
  <si>
    <t>05/22/2016 12:00:00 AM</t>
  </si>
  <si>
    <t>05/23/2016 12:00:00 AM</t>
  </si>
  <si>
    <t>05/24/2016 12:00:00 AM</t>
  </si>
  <si>
    <t>05/25/2016 12:00:00 AM</t>
  </si>
  <si>
    <t>05/26/2016 12:00:00 AM</t>
  </si>
  <si>
    <t>05/27/2016 12:00:00 AM</t>
  </si>
  <si>
    <t>05/28/2016 12:00:00 AM</t>
  </si>
  <si>
    <t>05/29/2016 12:00:00 AM</t>
  </si>
  <si>
    <t>05/30/2016 12:00:00 AM</t>
  </si>
  <si>
    <t>05/31/2016 12:00:00 AM</t>
  </si>
  <si>
    <t>06/01/2016 12:00:00 AM</t>
  </si>
  <si>
    <t>06/02/2016 12:00:00 AM</t>
  </si>
  <si>
    <t>06/03/2016 12:00:00 AM</t>
  </si>
  <si>
    <t>06/04/2016 12:00:00 AM</t>
  </si>
  <si>
    <t>06/05/2016 12:00:00 AM</t>
  </si>
  <si>
    <t>06/06/2016 12:00:00 AM</t>
  </si>
  <si>
    <t>06/07/2016 12:00:00 AM</t>
  </si>
  <si>
    <t>06/08/2016 12:00:00 AM</t>
  </si>
  <si>
    <t>06/09/2016 12:00:00 AM</t>
  </si>
  <si>
    <t>06/10/2016 12:00:00 AM</t>
  </si>
  <si>
    <t>06/11/2016 12:00:00 AM</t>
  </si>
  <si>
    <t>06/12/2016 12:00:00 AM</t>
  </si>
  <si>
    <t>06/13/2016 12:00:00 AM</t>
  </si>
  <si>
    <t>06/14/2016 12:00:00 AM</t>
  </si>
  <si>
    <t>06/15/2016 12:00:00 AM</t>
  </si>
  <si>
    <t>06/16/2016 12:00:00 AM</t>
  </si>
  <si>
    <t>06/17/2016 12:00:00 AM</t>
  </si>
  <si>
    <t>06/18/2016 12:00:00 AM</t>
  </si>
  <si>
    <t>06/19/2016 12:00:00 AM</t>
  </si>
  <si>
    <t>06/20/2016 12:00:00 AM</t>
  </si>
  <si>
    <t>06/21/2016 12:00:00 AM</t>
  </si>
  <si>
    <t>06/22/2016 12:00:00 AM</t>
  </si>
  <si>
    <t>06/23/2016 12:00:00 AM</t>
  </si>
  <si>
    <t>583.4</t>
  </si>
  <si>
    <t>06/24/2016 12:00:00 AM</t>
  </si>
  <si>
    <t>06/25/2016 12:00:00 AM</t>
  </si>
  <si>
    <t>592.5</t>
  </si>
  <si>
    <t>06/26/2016 12:00:00 AM</t>
  </si>
  <si>
    <t>06/27/2016 12:00:00 AM</t>
  </si>
  <si>
    <t>06/28/2016 12:00:00 AM</t>
  </si>
  <si>
    <t>06/29/2016 12:00:00 AM</t>
  </si>
  <si>
    <t>06/30/2016 12:00:00 AM</t>
  </si>
  <si>
    <t>29.8</t>
  </si>
  <si>
    <t>184.5</t>
  </si>
  <si>
    <t>212.4</t>
  </si>
  <si>
    <t>457.4</t>
  </si>
  <si>
    <t>265.4</t>
  </si>
  <si>
    <t>161.7</t>
  </si>
  <si>
    <t>252.5</t>
  </si>
  <si>
    <t>2007.1</t>
  </si>
  <si>
    <t>6690</t>
  </si>
  <si>
    <t>215.4</t>
  </si>
  <si>
    <t>46.1</t>
  </si>
  <si>
    <t>168677</t>
  </si>
  <si>
    <t>59.7</t>
  </si>
  <si>
    <t>213.5</t>
  </si>
  <si>
    <t>85.1</t>
  </si>
  <si>
    <t>256.6</t>
  </si>
  <si>
    <t>33.9</t>
  </si>
  <si>
    <t>19.1</t>
  </si>
  <si>
    <t>31.4</t>
  </si>
  <si>
    <t>143.8</t>
  </si>
  <si>
    <t>274.1</t>
  </si>
  <si>
    <t>110.5</t>
  </si>
  <si>
    <t>125.6</t>
  </si>
  <si>
    <t>297.2</t>
  </si>
  <si>
    <t>18.9</t>
  </si>
  <si>
    <t>118.6</t>
  </si>
  <si>
    <t>118.3</t>
  </si>
  <si>
    <t>92.8</t>
  </si>
  <si>
    <t>99.6</t>
  </si>
  <si>
    <t>137.3</t>
  </si>
  <si>
    <t>21.1</t>
  </si>
  <si>
    <t>36.5</t>
  </si>
  <si>
    <t>65.3</t>
  </si>
  <si>
    <t>642.6</t>
  </si>
  <si>
    <t>45.2</t>
  </si>
  <si>
    <t>268.2</t>
  </si>
  <si>
    <t>35.7</t>
  </si>
  <si>
    <t>460.2</t>
  </si>
  <si>
    <t>1154.2</t>
  </si>
  <si>
    <t>29491.2</t>
  </si>
  <si>
    <t>854.9</t>
  </si>
  <si>
    <t>2580.3</t>
  </si>
  <si>
    <t>4464.2</t>
  </si>
  <si>
    <t>1066.2</t>
  </si>
  <si>
    <t>944.7</t>
  </si>
  <si>
    <t>85322.2</t>
  </si>
  <si>
    <t>4222</t>
  </si>
  <si>
    <t>2526</t>
  </si>
  <si>
    <t>1846.1</t>
  </si>
  <si>
    <t>1938.9</t>
  </si>
  <si>
    <t>4326</t>
  </si>
  <si>
    <t>3491.5</t>
  </si>
  <si>
    <t>3214</t>
  </si>
  <si>
    <t>1823.5</t>
  </si>
  <si>
    <t>5975.4</t>
  </si>
  <si>
    <t>3899.8</t>
  </si>
  <si>
    <t>3262.7</t>
  </si>
  <si>
    <t>1693.6</t>
  </si>
  <si>
    <t>2181.4</t>
  </si>
  <si>
    <t>6392.3</t>
  </si>
  <si>
    <t>1509.5</t>
  </si>
  <si>
    <t>2004.2</t>
  </si>
  <si>
    <t>2667</t>
  </si>
  <si>
    <t>21493.5</t>
  </si>
  <si>
    <t>16460</t>
  </si>
  <si>
    <t>5142</t>
  </si>
  <si>
    <t>5738</t>
  </si>
  <si>
    <t>2251</t>
  </si>
  <si>
    <t>4842</t>
  </si>
  <si>
    <t>1941.3</t>
  </si>
  <si>
    <t>3207</t>
  </si>
  <si>
    <t>13937</t>
  </si>
  <si>
    <t>7638</t>
  </si>
  <si>
    <t>3884</t>
  </si>
  <si>
    <t>1172.3</t>
  </si>
  <si>
    <t>9220.6</t>
  </si>
  <si>
    <t>27723</t>
  </si>
  <si>
    <t>12069</t>
  </si>
  <si>
    <t>7075</t>
  </si>
  <si>
    <t>26820</t>
  </si>
  <si>
    <t>25636.8</t>
  </si>
  <si>
    <t>1839.6</t>
  </si>
  <si>
    <t>53172.9</t>
  </si>
  <si>
    <t>4297.5</t>
  </si>
  <si>
    <t>10347.4</t>
  </si>
  <si>
    <t>3889.4</t>
  </si>
  <si>
    <t>8919</t>
  </si>
  <si>
    <t>2455.8</t>
  </si>
  <si>
    <t>2640.7</t>
  </si>
  <si>
    <t>25560</t>
  </si>
  <si>
    <t>1505.9</t>
  </si>
  <si>
    <t>1944.6</t>
  </si>
  <si>
    <t>1019.5</t>
  </si>
  <si>
    <t>4396</t>
  </si>
  <si>
    <t>1274.7</t>
  </si>
  <si>
    <t>2726</t>
  </si>
  <si>
    <t>1479</t>
  </si>
  <si>
    <t>39496</t>
  </si>
  <si>
    <t>3689.8</t>
  </si>
  <si>
    <t>27311</t>
  </si>
  <si>
    <t>1138.8</t>
  </si>
  <si>
    <t>6787</t>
  </si>
  <si>
    <t>7865</t>
  </si>
  <si>
    <t>28002</t>
  </si>
  <si>
    <t>15733.5</t>
  </si>
  <si>
    <t>1246.6</t>
  </si>
  <si>
    <t>4287</t>
  </si>
  <si>
    <t>78781</t>
  </si>
  <si>
    <t>2085.1</t>
  </si>
  <si>
    <t>1463.2</t>
  </si>
  <si>
    <t>1513.4</t>
  </si>
  <si>
    <t>6475.3</t>
  </si>
  <si>
    <t>7788</t>
  </si>
  <si>
    <t>4737</t>
  </si>
  <si>
    <t>15244</t>
  </si>
  <si>
    <t>2432</t>
  </si>
  <si>
    <t>13297</t>
  </si>
  <si>
    <t>2718</t>
  </si>
  <si>
    <t>8151</t>
  </si>
  <si>
    <t>13205</t>
  </si>
  <si>
    <t>07/01/2016 12:00:00 AM</t>
  </si>
  <si>
    <t>07/02/2016 12:00:00 AM</t>
  </si>
  <si>
    <t>07/03/2016 12:00:00 AM</t>
  </si>
  <si>
    <t>07/04/2016 12:00:00 AM</t>
  </si>
  <si>
    <t>07/05/2016 12:00:00 AM</t>
  </si>
  <si>
    <t>07/06/2016 12:00:00 AM</t>
  </si>
  <si>
    <t>07/07/2016 12:00:00 AM</t>
  </si>
  <si>
    <t>07/08/2016 12:00:00 AM</t>
  </si>
  <si>
    <t>07/09/2016 12:00:00 AM</t>
  </si>
  <si>
    <t>07/10/2016 12:00:00 AM</t>
  </si>
  <si>
    <t>07/11/2016 12:00:00 AM</t>
  </si>
  <si>
    <t>07/12/2016 12:00:00 AM</t>
  </si>
  <si>
    <t>07/13/2016 12:00:00 AM</t>
  </si>
  <si>
    <t>07/14/2016 12:00:00 AM</t>
  </si>
  <si>
    <t>147.8</t>
  </si>
  <si>
    <t>07/15/2016 12:00:00 AM</t>
  </si>
  <si>
    <t>631.2</t>
  </si>
  <si>
    <t>07/16/2016 12:00:00 AM</t>
  </si>
  <si>
    <t>07/17/2016 12:00:00 AM</t>
  </si>
  <si>
    <t>07/18/2016 12:00:00 AM</t>
  </si>
  <si>
    <t>07/19/2016 12:00:00 AM</t>
  </si>
  <si>
    <t>07/20/2016 12:00:00 AM</t>
  </si>
  <si>
    <t>07/21/2016 12:00:00 AM</t>
  </si>
  <si>
    <t>07/22/2016 12:00:00 AM</t>
  </si>
  <si>
    <t>07/23/2016 12:00:00 AM</t>
  </si>
  <si>
    <t>07/24/2016 12:00:00 AM</t>
  </si>
  <si>
    <t>07/25/2016 12:00:00 AM</t>
  </si>
  <si>
    <t>07/26/2016 12:00:00 AM</t>
  </si>
  <si>
    <t>07/27/2016 12:00:00 AM</t>
  </si>
  <si>
    <t>07/28/2016 12:00:00 AM</t>
  </si>
  <si>
    <t>07/29/2016 12:00:00 AM</t>
  </si>
  <si>
    <t>07/30/2016 12:00:00 AM</t>
  </si>
  <si>
    <t>07/31/2016 12:00:00 AM</t>
  </si>
  <si>
    <t>08/01/2016 12:00:00 AM</t>
  </si>
  <si>
    <t>08/02/2016 12:00:00 AM</t>
  </si>
  <si>
    <t>08/03/2016 12:00:00 AM</t>
  </si>
  <si>
    <t>08/04/2016 12:00:00 AM</t>
  </si>
  <si>
    <t>08/05/2016 12:00:00 AM</t>
  </si>
  <si>
    <t>08/06/2016 12:00:00 AM</t>
  </si>
  <si>
    <t>08/07/2016 12:00:00 AM</t>
  </si>
  <si>
    <t>08/08/2016 12:00:00 AM</t>
  </si>
  <si>
    <t>472.5</t>
  </si>
  <si>
    <t>08/09/2016 12:00:00 AM</t>
  </si>
  <si>
    <t>08/10/2016 12:00:00 AM</t>
  </si>
  <si>
    <t>08/11/2016 12:00:00 AM</t>
  </si>
  <si>
    <t>168540</t>
  </si>
  <si>
    <t>08/12/2016 12:00:00 AM</t>
  </si>
  <si>
    <t>08/13/2016 12:00:00 AM</t>
  </si>
  <si>
    <t>08/14/2016 12:00:00 AM</t>
  </si>
  <si>
    <t>347.3</t>
  </si>
  <si>
    <t>08/15/2016 12:00:00 AM</t>
  </si>
  <si>
    <t>08/16/2016 12:00:00 AM</t>
  </si>
  <si>
    <t>08/17/2016 12:00:00 AM</t>
  </si>
  <si>
    <t>08/18/2016 12:00:00 AM</t>
  </si>
  <si>
    <t>08/19/2016 12:00:00 AM</t>
  </si>
  <si>
    <t>08/20/2016 12:00:00 AM</t>
  </si>
  <si>
    <t>08/21/2016 12:00:00 AM</t>
  </si>
  <si>
    <t>08/22/2016 12:00:00 AM</t>
  </si>
  <si>
    <t>08/23/2016 12:00:00 AM</t>
  </si>
  <si>
    <t>08/24/2016 12:00:00 AM</t>
  </si>
  <si>
    <t>08/25/2016 12:00:00 AM</t>
  </si>
  <si>
    <t>4867</t>
  </si>
  <si>
    <t>08/26/2016 12:00:00 AM</t>
  </si>
  <si>
    <t>08/27/2016 12:00:00 AM</t>
  </si>
  <si>
    <t>08/28/2016 12:00:00 AM</t>
  </si>
  <si>
    <t>08/29/2016 12:00:00 AM</t>
  </si>
  <si>
    <t>08/30/2016 12:00:00 AM</t>
  </si>
  <si>
    <t>08/31/2016 12:00:00 AM</t>
  </si>
  <si>
    <t>09/01/2016 12:00:00 AM</t>
  </si>
  <si>
    <t>09/02/2016 12:00:00 AM</t>
  </si>
  <si>
    <t>09/03/2016 12:00:00 AM</t>
  </si>
  <si>
    <t>09/04/2016 12:00:00 AM</t>
  </si>
  <si>
    <t>09/05/2016 12:00:00 AM</t>
  </si>
  <si>
    <t>89.6</t>
  </si>
  <si>
    <t>09/06/2016 12:00:00 AM</t>
  </si>
  <si>
    <t>09/07/2016 12:00:00 AM</t>
  </si>
  <si>
    <t>09/08/2016 12:00:00 AM</t>
  </si>
  <si>
    <t>09/09/2016 12:00:00 AM</t>
  </si>
  <si>
    <t>666.5</t>
  </si>
  <si>
    <t>09/10/2016 12:00:00 AM</t>
  </si>
  <si>
    <t>09/11/2016 12:00:00 AM</t>
  </si>
  <si>
    <t>09/12/2016 12:00:00 AM</t>
  </si>
  <si>
    <t>09/13/2016 12:00:00 AM</t>
  </si>
  <si>
    <t>490.5</t>
  </si>
  <si>
    <t>09/14/2016 12:00:00 AM</t>
  </si>
  <si>
    <t>09/15/2016 12:00:00 AM</t>
  </si>
  <si>
    <t>1195.2</t>
  </si>
  <si>
    <t>09/16/2016 12:00:00 AM</t>
  </si>
  <si>
    <t>09/17/2016 12:00:00 AM</t>
  </si>
  <si>
    <t>724.1</t>
  </si>
  <si>
    <t>09/18/2016 12:00:00 AM</t>
  </si>
  <si>
    <t>420.6</t>
  </si>
  <si>
    <t>09/19/2016 12:00:00 AM</t>
  </si>
  <si>
    <t>09/20/2016 12:00:00 AM</t>
  </si>
  <si>
    <t>09/21/2016 12:00:00 AM</t>
  </si>
  <si>
    <t>09/22/2016 12:00:00 AM</t>
  </si>
  <si>
    <t>09/23/2016 12:00:00 AM</t>
  </si>
  <si>
    <t>09/24/2016 12:00:00 AM</t>
  </si>
  <si>
    <t>09/25/2016 12:00:00 AM</t>
  </si>
  <si>
    <t>645.5</t>
  </si>
  <si>
    <t>09/26/2016 12:00:00 AM</t>
  </si>
  <si>
    <t>09/27/2016 12:00:00 AM</t>
  </si>
  <si>
    <t>09/28/2016 12:00:00 AM</t>
  </si>
  <si>
    <t>990.3</t>
  </si>
  <si>
    <t>09/29/2016 12:00:00 AM</t>
  </si>
  <si>
    <t>363.9</t>
  </si>
  <si>
    <t>09/30/2016 12:00:00 AM</t>
  </si>
  <si>
    <t>2113.4</t>
  </si>
  <si>
    <t>10/01/2016 12:00:00 AM</t>
  </si>
  <si>
    <t>10/02/2016 12:00:00 AM</t>
  </si>
  <si>
    <t>479.5</t>
  </si>
  <si>
    <t>10/03/2016 12:00:00 AM</t>
  </si>
  <si>
    <t>10/04/2016 12:00:00 AM</t>
  </si>
  <si>
    <t>749.3</t>
  </si>
  <si>
    <t>10/05/2016 12:00:00 AM</t>
  </si>
  <si>
    <t>10/06/2016 12:00:00 AM</t>
  </si>
  <si>
    <t>10/07/2016 12:00:00 AM</t>
  </si>
  <si>
    <t>10/08/2016 12:00:00 AM</t>
  </si>
  <si>
    <t>10/09/2016 12:00:00 AM</t>
  </si>
  <si>
    <t>750.5</t>
  </si>
  <si>
    <t>10/10/2016 12:00:00 AM</t>
  </si>
  <si>
    <t>10/11/2016 12:00:00 AM</t>
  </si>
  <si>
    <t>10/12/2016 12:00:00 AM</t>
  </si>
  <si>
    <t>10/13/2016 12:00:00 AM</t>
  </si>
  <si>
    <t>950.3</t>
  </si>
  <si>
    <t>10/14/2016 12:00:00 AM</t>
  </si>
  <si>
    <t>776.6</t>
  </si>
  <si>
    <t>10/15/2016 12:00:00 AM</t>
  </si>
  <si>
    <t>10/16/2016 12:00:00 AM</t>
  </si>
  <si>
    <t>10/17/2016 12:00:00 AM</t>
  </si>
  <si>
    <t>10/18/2016 12:00:00 AM</t>
  </si>
  <si>
    <t>10/19/2016 12:00:00 AM</t>
  </si>
  <si>
    <t>10/20/2016 12:00:00 AM</t>
  </si>
  <si>
    <t>10/21/2016 12:00:00 AM</t>
  </si>
  <si>
    <t>10/22/2016 12:00:00 AM</t>
  </si>
  <si>
    <t>10/23/2016 12:00:00 AM</t>
  </si>
  <si>
    <t>10/24/2016 12:00:00 AM</t>
  </si>
  <si>
    <t>10/25/2016 12:00:00 AM</t>
  </si>
  <si>
    <t>10/26/2016 12:00:00 AM</t>
  </si>
  <si>
    <t>10/27/2016 12:00:00 AM</t>
  </si>
  <si>
    <t>10/28/2016 12:00:00 AM</t>
  </si>
  <si>
    <t>10/29/2016 12:00:00 AM</t>
  </si>
  <si>
    <t>10/30/2016 12:00:00 AM</t>
  </si>
  <si>
    <t>667.3</t>
  </si>
  <si>
    <t>10/31/2016 12:00:00 AM</t>
  </si>
  <si>
    <t>11/01/2016 12:00:00 AM</t>
  </si>
  <si>
    <t>11/02/2016 12:00:00 AM</t>
  </si>
  <si>
    <t>2852</t>
  </si>
  <si>
    <t>11/03/2016 12:00:00 AM</t>
  </si>
  <si>
    <t>11/04/2016 12:00:00 AM</t>
  </si>
  <si>
    <t>11/05/2016 12:00:00 AM</t>
  </si>
  <si>
    <t>539.9</t>
  </si>
  <si>
    <t>11/06/2016 12:00:00 AM</t>
  </si>
  <si>
    <t>1500.8</t>
  </si>
  <si>
    <t>11/07/2016 12:00:00 AM</t>
  </si>
  <si>
    <t>11/08/2016 12:00:00 AM</t>
  </si>
  <si>
    <t>546.7</t>
  </si>
  <si>
    <t>11/09/2016 12:00:00 AM</t>
  </si>
  <si>
    <t>11/10/2016 12:00:00 AM</t>
  </si>
  <si>
    <t>11/11/2016 12:00:00 AM</t>
  </si>
  <si>
    <t>11/12/2016 12:00:00 AM</t>
  </si>
  <si>
    <t>11/13/2016 12:00:00 AM</t>
  </si>
  <si>
    <t>11/14/2016 12:00:00 AM</t>
  </si>
  <si>
    <t>11/15/2016 12:00:00 AM</t>
  </si>
  <si>
    <t>11/16/2016 12:00:00 AM</t>
  </si>
  <si>
    <t>816.5</t>
  </si>
  <si>
    <t>11/17/2016 12:00:00 AM</t>
  </si>
  <si>
    <t>11/18/2016 12:00:00 AM</t>
  </si>
  <si>
    <t>11/19/2016 12:00:00 AM</t>
  </si>
  <si>
    <t>289.1</t>
  </si>
  <si>
    <t>11/20/2016 12:00:00 AM</t>
  </si>
  <si>
    <t>11/21/2016 12:00:00 AM</t>
  </si>
  <si>
    <t>500.6</t>
  </si>
  <si>
    <t>11/22/2016 12:00:00 AM</t>
  </si>
  <si>
    <t>562.5</t>
  </si>
  <si>
    <t>11/23/2016 12:00:00 AM</t>
  </si>
  <si>
    <t>11/24/2016 12:00:00 AM</t>
  </si>
  <si>
    <t>11/25/2016 12:00:00 AM</t>
  </si>
  <si>
    <t>492.8</t>
  </si>
  <si>
    <t>11/26/2016 12:00:00 AM</t>
  </si>
  <si>
    <t>11/27/2016 12:00:00 AM</t>
  </si>
  <si>
    <t>11/28/2016 12:00:00 AM</t>
  </si>
  <si>
    <t>11/29/2016 12:00:00 AM</t>
  </si>
  <si>
    <t>260.3</t>
  </si>
  <si>
    <t>11/30/2016 12:00:00 AM</t>
  </si>
  <si>
    <t>304.5</t>
  </si>
  <si>
    <t>12/01/2016 12:00:00 AM</t>
  </si>
  <si>
    <t>12/02/2016 12:00:00 AM</t>
  </si>
  <si>
    <t>12/03/2016 12:00:00 AM</t>
  </si>
  <si>
    <t>12/04/2016 12:00:00 AM</t>
  </si>
  <si>
    <t>12/05/2016 12:00:00 AM</t>
  </si>
  <si>
    <t>12/06/2016 12:00:00 AM</t>
  </si>
  <si>
    <t>378.3</t>
  </si>
  <si>
    <t>12/07/2016 12:00:00 AM</t>
  </si>
  <si>
    <t>12/08/2016 12:00:00 AM</t>
  </si>
  <si>
    <t>12/09/2016 12:00:00 AM</t>
  </si>
  <si>
    <t>12/10/2016 12:00:00 AM</t>
  </si>
  <si>
    <t>12/11/2016 12:00:00 AM</t>
  </si>
  <si>
    <t>12/12/2016 12:00:00 AM</t>
  </si>
  <si>
    <t>12/13/2016 12:00:00 AM</t>
  </si>
  <si>
    <t>12/14/2016 12:00:00 AM</t>
  </si>
  <si>
    <t>12/15/2016 12:00:00 AM</t>
  </si>
  <si>
    <t>12/16/2016 12:00:00 AM</t>
  </si>
  <si>
    <t>12/17/2016 12:00:00 AM</t>
  </si>
  <si>
    <t>12/18/2016 12:00:00 AM</t>
  </si>
  <si>
    <t>12/19/2016 12:00:00 AM</t>
  </si>
  <si>
    <t>12/20/2016 12:00:00 AM</t>
  </si>
  <si>
    <t>12/21/2016 12:00:00 AM</t>
  </si>
  <si>
    <t>12/22/2016 12:00:00 AM</t>
  </si>
  <si>
    <t>12/23/2016 12:00:00 AM</t>
  </si>
  <si>
    <t>12/24/2016 12:00:00 AM</t>
  </si>
  <si>
    <t>12/25/2016 12:00:00 AM</t>
  </si>
  <si>
    <t>12/26/2016 12:00:00 AM</t>
  </si>
  <si>
    <t>36.1</t>
  </si>
  <si>
    <t>209.7</t>
  </si>
  <si>
    <t>12/28/2016 12:00:00 AM</t>
  </si>
  <si>
    <t>445.6</t>
  </si>
  <si>
    <t>801.5</t>
  </si>
  <si>
    <t>157.5</t>
  </si>
  <si>
    <t>124.7</t>
  </si>
  <si>
    <t>4197</t>
  </si>
  <si>
    <t>18470</t>
  </si>
  <si>
    <t>1194.5</t>
  </si>
  <si>
    <t>1639</t>
  </si>
  <si>
    <t>4653</t>
  </si>
  <si>
    <t>51904</t>
  </si>
  <si>
    <t>19160</t>
  </si>
  <si>
    <t>22.4</t>
  </si>
  <si>
    <t>4847</t>
  </si>
  <si>
    <t>15415</t>
  </si>
  <si>
    <t>6940</t>
  </si>
  <si>
    <t>28838</t>
  </si>
  <si>
    <t>13102</t>
  </si>
  <si>
    <t>1902</t>
  </si>
  <si>
    <t>18252</t>
  </si>
  <si>
    <t>3568</t>
  </si>
  <si>
    <t>7840</t>
  </si>
  <si>
    <t>30970</t>
  </si>
  <si>
    <t>11863</t>
  </si>
  <si>
    <t>8846.8</t>
  </si>
  <si>
    <t>24001</t>
  </si>
  <si>
    <t>1972.2</t>
  </si>
  <si>
    <t>2968</t>
  </si>
  <si>
    <t>3739</t>
  </si>
  <si>
    <t>1429</t>
  </si>
  <si>
    <t>145811</t>
  </si>
  <si>
    <t>1444.2</t>
  </si>
  <si>
    <t>16494</t>
  </si>
  <si>
    <t>21010</t>
  </si>
  <si>
    <t>2337</t>
  </si>
  <si>
    <t>2523</t>
  </si>
  <si>
    <t>1222.5</t>
  </si>
  <si>
    <t>435.3</t>
  </si>
  <si>
    <t>2036000</t>
  </si>
  <si>
    <t>132429</t>
  </si>
  <si>
    <t>6363</t>
  </si>
  <si>
    <t>12/29/2016 12:00:00 AM</t>
  </si>
  <si>
    <t>12/30/2016 12:00:00 AM</t>
  </si>
  <si>
    <t>12/27/2016 12:00:00 AM</t>
  </si>
  <si>
    <t>12/31/2016 12:00:00 AM</t>
  </si>
  <si>
    <t>136.8</t>
  </si>
  <si>
    <t>39.5</t>
  </si>
  <si>
    <t>48.5</t>
  </si>
  <si>
    <t>182508</t>
  </si>
  <si>
    <t>512.6</t>
  </si>
  <si>
    <t>80.3</t>
  </si>
  <si>
    <t>4.6</t>
  </si>
  <si>
    <t>18.4</t>
  </si>
  <si>
    <t>17340</t>
  </si>
  <si>
    <t>15012</t>
  </si>
  <si>
    <t>8480</t>
  </si>
  <si>
    <t>4183</t>
  </si>
  <si>
    <t>35060</t>
  </si>
  <si>
    <t>6033</t>
  </si>
  <si>
    <t>3745</t>
  </si>
  <si>
    <t>39490</t>
  </si>
  <si>
    <t>2581</t>
  </si>
  <si>
    <t>69.7</t>
  </si>
  <si>
    <t>28380</t>
  </si>
  <si>
    <t>83.1</t>
  </si>
  <si>
    <t>82500</t>
  </si>
  <si>
    <t>2958000</t>
  </si>
  <si>
    <t>58.8</t>
  </si>
  <si>
    <t>6653</t>
  </si>
  <si>
    <t>83051</t>
  </si>
  <si>
    <t>21675</t>
  </si>
  <si>
    <t>6275</t>
  </si>
  <si>
    <t>28.1</t>
  </si>
  <si>
    <t>1788818</t>
  </si>
  <si>
    <t>19780</t>
  </si>
  <si>
    <t>510045</t>
  </si>
  <si>
    <t>680000</t>
  </si>
  <si>
    <t>33400</t>
  </si>
  <si>
    <t>14399</t>
  </si>
  <si>
    <t>216000</t>
  </si>
  <si>
    <t>3683</t>
  </si>
  <si>
    <t>167.6</t>
  </si>
  <si>
    <t>76.2</t>
  </si>
  <si>
    <t>50.3</t>
  </si>
  <si>
    <t>37.5</t>
  </si>
  <si>
    <t>135.5</t>
  </si>
  <si>
    <t>34.6</t>
  </si>
  <si>
    <t>28.5</t>
  </si>
  <si>
    <t>12.3</t>
  </si>
  <si>
    <t>73.8</t>
  </si>
  <si>
    <t>132.7</t>
  </si>
  <si>
    <t>60.8</t>
  </si>
  <si>
    <t>53.5</t>
  </si>
  <si>
    <t>250121</t>
  </si>
  <si>
    <t>37.8</t>
  </si>
  <si>
    <t>100046</t>
  </si>
  <si>
    <t>80070</t>
  </si>
  <si>
    <t>378112</t>
  </si>
  <si>
    <t>104.9</t>
  </si>
  <si>
    <t>14469</t>
  </si>
  <si>
    <t>8357</t>
  </si>
  <si>
    <t>1173000</t>
  </si>
  <si>
    <t>1108000</t>
  </si>
  <si>
    <t>6650</t>
  </si>
  <si>
    <t>4040</t>
  </si>
  <si>
    <t>71.6</t>
  </si>
  <si>
    <t>44.4</t>
  </si>
  <si>
    <t>41.9</t>
  </si>
  <si>
    <t>106.2</t>
  </si>
  <si>
    <t>20.6</t>
  </si>
  <si>
    <t>33.2</t>
  </si>
  <si>
    <t>79.3</t>
  </si>
  <si>
    <t>67.3</t>
  </si>
  <si>
    <t>9.8</t>
  </si>
  <si>
    <t>7.1</t>
  </si>
  <si>
    <t>116.6</t>
  </si>
  <si>
    <t>4828</t>
  </si>
  <si>
    <t>35.8</t>
  </si>
  <si>
    <t>54.2</t>
  </si>
  <si>
    <t>6209</t>
  </si>
  <si>
    <t>3497</t>
  </si>
  <si>
    <t>7052</t>
  </si>
  <si>
    <t>290017</t>
  </si>
  <si>
    <t>547072</t>
  </si>
  <si>
    <t>56458</t>
  </si>
  <si>
    <t>108782</t>
  </si>
  <si>
    <t>237361</t>
  </si>
  <si>
    <t>7375</t>
  </si>
  <si>
    <t>327629</t>
  </si>
  <si>
    <t>144500</t>
  </si>
  <si>
    <t>66005</t>
  </si>
  <si>
    <t>93315</t>
  </si>
  <si>
    <t>17.8</t>
  </si>
  <si>
    <t>29.4</t>
  </si>
  <si>
    <t>12.7</t>
  </si>
  <si>
    <t>122450</t>
  </si>
  <si>
    <t>37085</t>
  </si>
  <si>
    <t>3047</t>
  </si>
  <si>
    <t>0.5</t>
  </si>
  <si>
    <t>3079</t>
  </si>
  <si>
    <t>59443</t>
  </si>
  <si>
    <t>158109</t>
  </si>
  <si>
    <t>9308000</t>
  </si>
  <si>
    <t>1720000</t>
  </si>
  <si>
    <t>67620</t>
  </si>
  <si>
    <t>67600</t>
  </si>
  <si>
    <t>162003</t>
  </si>
  <si>
    <t>16.3</t>
  </si>
  <si>
    <t>186456</t>
  </si>
  <si>
    <t>66900</t>
  </si>
  <si>
    <t>5311</t>
  </si>
  <si>
    <t>1003.5</t>
  </si>
  <si>
    <t>16690</t>
  </si>
  <si>
    <t>1813</t>
  </si>
  <si>
    <t>50103</t>
  </si>
  <si>
    <t>144184</t>
  </si>
  <si>
    <t>258000</t>
  </si>
  <si>
    <t>68948</t>
  </si>
  <si>
    <t>33099</t>
  </si>
  <si>
    <t>48539</t>
  </si>
  <si>
    <t>376005</t>
  </si>
  <si>
    <t>8605</t>
  </si>
  <si>
    <t>60.5</t>
  </si>
  <si>
    <t>29876</t>
  </si>
  <si>
    <t>7643</t>
  </si>
  <si>
    <t>9496</t>
  </si>
  <si>
    <t>73240</t>
  </si>
  <si>
    <t>76.6</t>
  </si>
  <si>
    <t>525.8</t>
  </si>
  <si>
    <t>25450</t>
  </si>
  <si>
    <t>286.4</t>
  </si>
  <si>
    <t>249.7</t>
  </si>
  <si>
    <t>2521</t>
  </si>
  <si>
    <t>127950</t>
  </si>
  <si>
    <t>201120</t>
  </si>
  <si>
    <t>24.4</t>
  </si>
  <si>
    <t>13706</t>
  </si>
  <si>
    <t>78640</t>
  </si>
  <si>
    <t>1291992</t>
  </si>
  <si>
    <t>36158</t>
  </si>
  <si>
    <t>26045</t>
  </si>
  <si>
    <t>6922</t>
  </si>
  <si>
    <t>1798</t>
  </si>
  <si>
    <t>109230</t>
  </si>
  <si>
    <t>10334</t>
  </si>
  <si>
    <t>2326</t>
  </si>
  <si>
    <t>15057</t>
  </si>
  <si>
    <t>8905</t>
  </si>
  <si>
    <t>20914</t>
  </si>
  <si>
    <t>19640</t>
  </si>
  <si>
    <t>23394</t>
  </si>
  <si>
    <t>1566</t>
  </si>
  <si>
    <t>1582.2</t>
  </si>
  <si>
    <t>ESTACION TRANSMILENIO FLORES</t>
  </si>
  <si>
    <t>5733</t>
  </si>
  <si>
    <t>743.8</t>
  </si>
  <si>
    <t>53510</t>
  </si>
  <si>
    <t>543.5</t>
  </si>
  <si>
    <t>49726</t>
  </si>
  <si>
    <t>6843</t>
  </si>
  <si>
    <t>1122000</t>
  </si>
  <si>
    <t>21356</t>
  </si>
  <si>
    <t>8256</t>
  </si>
  <si>
    <t>149002</t>
  </si>
  <si>
    <t>18010</t>
  </si>
  <si>
    <t>60.3</t>
  </si>
  <si>
    <t>63352</t>
  </si>
  <si>
    <t>25780</t>
  </si>
  <si>
    <t>9959</t>
  </si>
  <si>
    <t>9896</t>
  </si>
  <si>
    <t>88743</t>
  </si>
  <si>
    <t>9890</t>
  </si>
  <si>
    <t>26508</t>
  </si>
  <si>
    <t>12619</t>
  </si>
  <si>
    <t>8992</t>
  </si>
  <si>
    <t>2651</t>
  </si>
  <si>
    <t>112010</t>
  </si>
  <si>
    <t>12739</t>
  </si>
  <si>
    <t>45210</t>
  </si>
  <si>
    <t>11940</t>
  </si>
  <si>
    <t>16940</t>
  </si>
  <si>
    <t>7409</t>
  </si>
  <si>
    <t>8048</t>
  </si>
  <si>
    <t>15819</t>
  </si>
  <si>
    <t>6394</t>
  </si>
  <si>
    <t>15315</t>
  </si>
  <si>
    <t>5133</t>
  </si>
  <si>
    <t>4506</t>
  </si>
  <si>
    <t>3503</t>
  </si>
  <si>
    <t>4212</t>
  </si>
  <si>
    <t>9238</t>
  </si>
  <si>
    <t>11879</t>
  </si>
  <si>
    <t>5929</t>
  </si>
  <si>
    <t>2592</t>
  </si>
  <si>
    <t>3740</t>
  </si>
  <si>
    <t>14201</t>
  </si>
  <si>
    <t>12652</t>
  </si>
  <si>
    <t>1671</t>
  </si>
  <si>
    <t>32078</t>
  </si>
  <si>
    <t>450.4</t>
  </si>
  <si>
    <t>6769</t>
  </si>
  <si>
    <t>588000</t>
  </si>
  <si>
    <t>14245</t>
  </si>
  <si>
    <t>61515</t>
  </si>
  <si>
    <t>30100</t>
  </si>
  <si>
    <t>18030</t>
  </si>
  <si>
    <t>13940</t>
  </si>
  <si>
    <t>20980</t>
  </si>
  <si>
    <t>3978</t>
  </si>
  <si>
    <t>11946</t>
  </si>
  <si>
    <t>4305</t>
  </si>
  <si>
    <t>89236</t>
  </si>
  <si>
    <t>12256</t>
  </si>
  <si>
    <t>2637</t>
  </si>
  <si>
    <t>607.7</t>
  </si>
  <si>
    <t>6533</t>
  </si>
  <si>
    <t>3763</t>
  </si>
  <si>
    <t>2348</t>
  </si>
  <si>
    <t>8295</t>
  </si>
  <si>
    <t>15800</t>
  </si>
  <si>
    <t>ESTACION TRANSMILENIO PORTAL EL DORADO</t>
  </si>
  <si>
    <t>ESTACION TRANSMILENIO QUIRIGUA</t>
  </si>
  <si>
    <t>4312</t>
  </si>
  <si>
    <t>ESTACION TRANSMILENIO NARIÑO</t>
  </si>
  <si>
    <t>3328</t>
  </si>
  <si>
    <t>ESTACION TRANSMILENIO CRA 53</t>
  </si>
  <si>
    <t>3618</t>
  </si>
  <si>
    <t>9849.7</t>
  </si>
  <si>
    <t>6001</t>
  </si>
  <si>
    <t>9584</t>
  </si>
  <si>
    <t>4113</t>
  </si>
  <si>
    <t>7334</t>
  </si>
  <si>
    <t>7135</t>
  </si>
  <si>
    <t>4545</t>
  </si>
  <si>
    <t>32850</t>
  </si>
  <si>
    <t>6814</t>
  </si>
  <si>
    <t>5313</t>
  </si>
  <si>
    <t>17624</t>
  </si>
  <si>
    <t>4953</t>
  </si>
  <si>
    <t>11311</t>
  </si>
  <si>
    <t>29680</t>
  </si>
  <si>
    <t>ESTACION TRANSMILENIO PORTAL DEL SUR</t>
  </si>
  <si>
    <t>4136</t>
  </si>
  <si>
    <t>3949.8</t>
  </si>
  <si>
    <t>25670</t>
  </si>
  <si>
    <t>6229</t>
  </si>
  <si>
    <t>4083</t>
  </si>
  <si>
    <t>13653</t>
  </si>
  <si>
    <t>38726</t>
  </si>
  <si>
    <t>ESTACION TRANSMILENIO HOSPITAL</t>
  </si>
  <si>
    <t>5968</t>
  </si>
  <si>
    <t>14760</t>
  </si>
  <si>
    <t>16290</t>
  </si>
  <si>
    <t>2739</t>
  </si>
  <si>
    <t>11394</t>
  </si>
  <si>
    <t>5628</t>
  </si>
  <si>
    <t>2265</t>
  </si>
  <si>
    <t>8637</t>
  </si>
  <si>
    <t>460.5</t>
  </si>
  <si>
    <t>2473.7</t>
  </si>
  <si>
    <t>41200</t>
  </si>
  <si>
    <t>ESTACION TRANSMILENIO CAD</t>
  </si>
  <si>
    <t>96.1</t>
  </si>
  <si>
    <t>3237</t>
  </si>
  <si>
    <t>3450.8</t>
  </si>
  <si>
    <t>1978.5</t>
  </si>
  <si>
    <t>9810</t>
  </si>
  <si>
    <t>2969</t>
  </si>
  <si>
    <t>18075</t>
  </si>
  <si>
    <t>ESTACION TRANSMILENIO ALCALA</t>
  </si>
  <si>
    <t>5764</t>
  </si>
  <si>
    <t>684506</t>
  </si>
  <si>
    <t>7221</t>
  </si>
  <si>
    <t>18233</t>
  </si>
  <si>
    <t>3229</t>
  </si>
  <si>
    <t>25979</t>
  </si>
  <si>
    <t>47910</t>
  </si>
  <si>
    <t>15105</t>
  </si>
  <si>
    <t>19940</t>
  </si>
  <si>
    <t>351.8</t>
  </si>
  <si>
    <t>66.3</t>
  </si>
  <si>
    <t>8840</t>
  </si>
  <si>
    <t>18206</t>
  </si>
  <si>
    <t>106500</t>
  </si>
  <si>
    <t>285.7</t>
  </si>
  <si>
    <t>14.9</t>
  </si>
  <si>
    <t>2564.9</t>
  </si>
  <si>
    <t>3904</t>
  </si>
  <si>
    <t>4805</t>
  </si>
  <si>
    <t>544.2</t>
  </si>
  <si>
    <t>5130</t>
  </si>
  <si>
    <t>7541</t>
  </si>
  <si>
    <t>41250</t>
  </si>
  <si>
    <t>2442</t>
  </si>
  <si>
    <t>92203</t>
  </si>
  <si>
    <t>12230</t>
  </si>
  <si>
    <t>46549</t>
  </si>
  <si>
    <t>ESTACION TRANSMILENIO AMERICAS-CRA 53A</t>
  </si>
  <si>
    <t>6565</t>
  </si>
  <si>
    <t>5425</t>
  </si>
  <si>
    <t>21186</t>
  </si>
  <si>
    <t>68280</t>
  </si>
  <si>
    <t>4606</t>
  </si>
  <si>
    <t>51148</t>
  </si>
  <si>
    <t>3023</t>
  </si>
  <si>
    <t>453200</t>
  </si>
  <si>
    <t>15887</t>
  </si>
  <si>
    <t>4997</t>
  </si>
  <si>
    <t>4614</t>
  </si>
  <si>
    <t>5873</t>
  </si>
  <si>
    <t>10805</t>
  </si>
  <si>
    <t>3898</t>
  </si>
  <si>
    <t>121.5</t>
  </si>
  <si>
    <t>1498.5</t>
  </si>
  <si>
    <t>13837.7</t>
  </si>
  <si>
    <t>74887</t>
  </si>
  <si>
    <t>4986</t>
  </si>
  <si>
    <t>ESTACION TRANSMILENIO AV. 1 DE MAYO</t>
  </si>
  <si>
    <t>997.3</t>
  </si>
  <si>
    <t>ESTACION TRANSMILENIO PUENTELARGO</t>
  </si>
  <si>
    <t>ESTACION TRANSMILENIO FUCHA</t>
  </si>
  <si>
    <t>515.5</t>
  </si>
  <si>
    <t>7637.4</t>
  </si>
  <si>
    <t>31055</t>
  </si>
  <si>
    <t>14.7</t>
  </si>
  <si>
    <t>450865</t>
  </si>
  <si>
    <t>38204</t>
  </si>
  <si>
    <t>2598000</t>
  </si>
  <si>
    <t>5097</t>
  </si>
  <si>
    <t>241.7</t>
  </si>
  <si>
    <t>7900</t>
  </si>
  <si>
    <t>321140</t>
  </si>
  <si>
    <t>272008</t>
  </si>
  <si>
    <t>1932000</t>
  </si>
  <si>
    <t>1335742</t>
  </si>
  <si>
    <t>55596</t>
  </si>
  <si>
    <t>331000</t>
  </si>
  <si>
    <t>213007</t>
  </si>
  <si>
    <t>3976</t>
  </si>
  <si>
    <t>6720</t>
  </si>
  <si>
    <t>26026</t>
  </si>
  <si>
    <t>716688</t>
  </si>
  <si>
    <t>1137000</t>
  </si>
  <si>
    <t>14778</t>
  </si>
  <si>
    <t>32356</t>
  </si>
  <si>
    <t>60042</t>
  </si>
  <si>
    <t>18.3</t>
  </si>
  <si>
    <t>253506</t>
  </si>
  <si>
    <t>43931</t>
  </si>
  <si>
    <t>44041</t>
  </si>
  <si>
    <t>932000</t>
  </si>
  <si>
    <t>75021</t>
  </si>
  <si>
    <t>555560</t>
  </si>
  <si>
    <t>211008</t>
  </si>
  <si>
    <t>1399000</t>
  </si>
  <si>
    <t>424848</t>
  </si>
  <si>
    <t>231000</t>
  </si>
  <si>
    <t>33398</t>
  </si>
  <si>
    <t>212032</t>
  </si>
  <si>
    <t>7330</t>
  </si>
  <si>
    <t>9012</t>
  </si>
  <si>
    <t>236105</t>
  </si>
  <si>
    <t>40692</t>
  </si>
  <si>
    <t>25.7</t>
  </si>
  <si>
    <t>45.8</t>
  </si>
  <si>
    <t>31.7</t>
  </si>
  <si>
    <t>110.1</t>
  </si>
  <si>
    <t>34.2</t>
  </si>
  <si>
    <t>101.8</t>
  </si>
  <si>
    <t>84.3</t>
  </si>
  <si>
    <t>54.5</t>
  </si>
  <si>
    <t>22220</t>
  </si>
  <si>
    <t>101.4</t>
  </si>
  <si>
    <t>10.3</t>
  </si>
  <si>
    <t>571835</t>
  </si>
  <si>
    <t>356000</t>
  </si>
  <si>
    <t>321894</t>
  </si>
  <si>
    <t>311075</t>
  </si>
  <si>
    <t>213677</t>
  </si>
  <si>
    <t>131.8</t>
  </si>
  <si>
    <t>106.6</t>
  </si>
  <si>
    <t>115.6</t>
  </si>
  <si>
    <t>54.4</t>
  </si>
  <si>
    <t>175.7</t>
  </si>
  <si>
    <t>180.5</t>
  </si>
  <si>
    <t>134.4</t>
  </si>
  <si>
    <t>78.6</t>
  </si>
  <si>
    <t>70.5</t>
  </si>
  <si>
    <t>20.7</t>
  </si>
  <si>
    <t>31.3</t>
  </si>
  <si>
    <t>19.7</t>
  </si>
  <si>
    <t>8.3</t>
  </si>
  <si>
    <t>34.7</t>
  </si>
  <si>
    <t>23.7</t>
  </si>
  <si>
    <t>49.4</t>
  </si>
  <si>
    <t>113.4</t>
  </si>
  <si>
    <t>57.8</t>
  </si>
  <si>
    <t>455.9</t>
  </si>
  <si>
    <t>33.5</t>
  </si>
  <si>
    <t>60.4</t>
  </si>
  <si>
    <t>39.6</t>
  </si>
  <si>
    <t>31.8</t>
  </si>
  <si>
    <t>30.4</t>
  </si>
  <si>
    <t>257.6</t>
  </si>
  <si>
    <t>65.5</t>
  </si>
  <si>
    <t>31.6</t>
  </si>
  <si>
    <t>52.1</t>
  </si>
  <si>
    <t>603.7</t>
  </si>
  <si>
    <t>165.5</t>
  </si>
  <si>
    <t>175.2</t>
  </si>
  <si>
    <t>368.7</t>
  </si>
  <si>
    <t>32.3</t>
  </si>
  <si>
    <t>49.3</t>
  </si>
  <si>
    <t>25.5</t>
  </si>
  <si>
    <t>137.5</t>
  </si>
  <si>
    <t>117.2</t>
  </si>
  <si>
    <t>84.8</t>
  </si>
  <si>
    <t>187.6</t>
  </si>
  <si>
    <t>178.7</t>
  </si>
  <si>
    <t>74.2</t>
  </si>
  <si>
    <t>24.2</t>
  </si>
  <si>
    <t>267.5</t>
  </si>
  <si>
    <t>216.2</t>
  </si>
  <si>
    <t>40.2</t>
  </si>
  <si>
    <t>87.2</t>
  </si>
  <si>
    <t>33.6</t>
  </si>
  <si>
    <t>49.5</t>
  </si>
  <si>
    <t>110.3</t>
  </si>
  <si>
    <t>85.3</t>
  </si>
  <si>
    <t>93.3</t>
  </si>
  <si>
    <t>326.3</t>
  </si>
  <si>
    <t>159.1</t>
  </si>
  <si>
    <t>120.9</t>
  </si>
  <si>
    <t>155.6</t>
  </si>
  <si>
    <t>202.2</t>
  </si>
  <si>
    <t>225.5</t>
  </si>
  <si>
    <t>123.9</t>
  </si>
  <si>
    <t>114.3</t>
  </si>
  <si>
    <t>55.3</t>
  </si>
  <si>
    <t>200.9</t>
  </si>
  <si>
    <t>80.7</t>
  </si>
  <si>
    <t>80.9</t>
  </si>
  <si>
    <t>120.3</t>
  </si>
  <si>
    <t>98.7</t>
  </si>
  <si>
    <t>9802</t>
  </si>
  <si>
    <t>71.2</t>
  </si>
  <si>
    <t>87.3</t>
  </si>
  <si>
    <t>24.8</t>
  </si>
  <si>
    <t>128.1</t>
  </si>
  <si>
    <t>115.9</t>
  </si>
  <si>
    <t>185.7</t>
  </si>
  <si>
    <t>103.6</t>
  </si>
  <si>
    <t>98.1</t>
  </si>
  <si>
    <t>75.8</t>
  </si>
  <si>
    <t>88.2</t>
  </si>
  <si>
    <t>81.8</t>
  </si>
  <si>
    <t>198.2</t>
  </si>
  <si>
    <t>50.4</t>
  </si>
  <si>
    <t>107.8</t>
  </si>
  <si>
    <t>975.3</t>
  </si>
  <si>
    <t>219.9</t>
  </si>
  <si>
    <t>40.3</t>
  </si>
  <si>
    <t>22.3</t>
  </si>
  <si>
    <t>125.3</t>
  </si>
  <si>
    <t>190.6</t>
  </si>
  <si>
    <t>257.1</t>
  </si>
  <si>
    <t>208.2</t>
  </si>
  <si>
    <t>349.4</t>
  </si>
  <si>
    <t>105.6</t>
  </si>
  <si>
    <t>101.6</t>
  </si>
  <si>
    <t>208.5</t>
  </si>
  <si>
    <t>29.1</t>
  </si>
  <si>
    <t>184.3</t>
  </si>
  <si>
    <t>111.2</t>
  </si>
  <si>
    <t>112.1</t>
  </si>
  <si>
    <t>220.7</t>
  </si>
  <si>
    <t>102.1</t>
  </si>
  <si>
    <t>180.7</t>
  </si>
  <si>
    <t>95.4</t>
  </si>
  <si>
    <t>244.3</t>
  </si>
  <si>
    <t>8.1</t>
  </si>
  <si>
    <t>497.2</t>
  </si>
  <si>
    <t>30.9</t>
  </si>
  <si>
    <t>339.3</t>
  </si>
  <si>
    <t>249.8</t>
  </si>
  <si>
    <t>70.2</t>
  </si>
  <si>
    <t>62.3</t>
  </si>
  <si>
    <t>63.8</t>
  </si>
  <si>
    <t>96.2</t>
  </si>
  <si>
    <t>42.3</t>
  </si>
  <si>
    <t>72.5</t>
  </si>
  <si>
    <t>99.2</t>
  </si>
  <si>
    <t>335.2</t>
  </si>
  <si>
    <t>48.2</t>
  </si>
  <si>
    <t>126.8</t>
  </si>
  <si>
    <t>50.2</t>
  </si>
  <si>
    <t>98.2</t>
  </si>
  <si>
    <t>93.5</t>
  </si>
  <si>
    <t>152.4</t>
  </si>
  <si>
    <t>259.3</t>
  </si>
  <si>
    <t>114.5</t>
  </si>
  <si>
    <t>140.4</t>
  </si>
  <si>
    <t>77.5</t>
  </si>
  <si>
    <t>132.8</t>
  </si>
  <si>
    <t>370.3</t>
  </si>
  <si>
    <t>20.3</t>
  </si>
  <si>
    <t>88.9</t>
  </si>
  <si>
    <t>27.1</t>
  </si>
  <si>
    <t>28.4</t>
  </si>
  <si>
    <t>20.8</t>
  </si>
  <si>
    <t>47.4</t>
  </si>
  <si>
    <t>9.6</t>
  </si>
  <si>
    <t>21.2</t>
  </si>
  <si>
    <t>27.9</t>
  </si>
  <si>
    <t>424.9</t>
  </si>
  <si>
    <t>56.5</t>
  </si>
  <si>
    <t>25.3</t>
  </si>
  <si>
    <t>44.3</t>
  </si>
  <si>
    <t>44.9</t>
  </si>
  <si>
    <t>32.5</t>
  </si>
  <si>
    <t>33.7</t>
  </si>
  <si>
    <t>128.7</t>
  </si>
  <si>
    <t>52440</t>
  </si>
  <si>
    <t>223433</t>
  </si>
  <si>
    <t>389150</t>
  </si>
  <si>
    <t>330010</t>
  </si>
  <si>
    <t>60420</t>
  </si>
  <si>
    <t>226120</t>
  </si>
  <si>
    <t>148600</t>
  </si>
  <si>
    <t>62425</t>
  </si>
  <si>
    <t>31236</t>
  </si>
  <si>
    <t>124971</t>
  </si>
  <si>
    <t>497720</t>
  </si>
  <si>
    <t>387090</t>
  </si>
  <si>
    <t>19771</t>
  </si>
  <si>
    <t>108190</t>
  </si>
  <si>
    <t>78900</t>
  </si>
  <si>
    <t>5288</t>
  </si>
  <si>
    <t>281400</t>
  </si>
  <si>
    <t>43200</t>
  </si>
  <si>
    <t>853800</t>
  </si>
  <si>
    <t>679.1</t>
  </si>
  <si>
    <t>140.2</t>
  </si>
  <si>
    <t>68.1</t>
  </si>
  <si>
    <t>27.7</t>
  </si>
  <si>
    <t>135.4</t>
  </si>
  <si>
    <t>430.8</t>
  </si>
  <si>
    <t>336.6</t>
  </si>
  <si>
    <t>48.4</t>
  </si>
  <si>
    <t>148.5</t>
  </si>
  <si>
    <t>57.1</t>
  </si>
  <si>
    <t>52.3</t>
  </si>
  <si>
    <t>65.4</t>
  </si>
  <si>
    <t>296.4</t>
  </si>
  <si>
    <t>CERINZA</t>
  </si>
  <si>
    <t>34.5</t>
  </si>
  <si>
    <t>CHIVATÁ</t>
  </si>
  <si>
    <t>COPER</t>
  </si>
  <si>
    <t>36.9</t>
  </si>
  <si>
    <t>9381</t>
  </si>
  <si>
    <t>286.9</t>
  </si>
  <si>
    <t>29.2</t>
  </si>
  <si>
    <t>114006</t>
  </si>
  <si>
    <t>288.6</t>
  </si>
  <si>
    <t>26800</t>
  </si>
  <si>
    <t>58329</t>
  </si>
  <si>
    <t>135289</t>
  </si>
  <si>
    <t>RONDÓN</t>
  </si>
  <si>
    <t>2163.8</t>
  </si>
  <si>
    <t>10323</t>
  </si>
  <si>
    <t>13033</t>
  </si>
  <si>
    <t>5136</t>
  </si>
  <si>
    <t>11558</t>
  </si>
  <si>
    <t>733230</t>
  </si>
  <si>
    <t>12524</t>
  </si>
  <si>
    <t>50043</t>
  </si>
  <si>
    <t>10253</t>
  </si>
  <si>
    <t>3232</t>
  </si>
  <si>
    <t>86.8</t>
  </si>
  <si>
    <t>5.7</t>
  </si>
  <si>
    <t>7.7</t>
  </si>
  <si>
    <t>26.1</t>
  </si>
  <si>
    <t>ESCALERAS FIJAS</t>
  </si>
  <si>
    <t>24.1</t>
  </si>
  <si>
    <t>6933</t>
  </si>
  <si>
    <t>69.4</t>
  </si>
  <si>
    <t>45.6</t>
  </si>
  <si>
    <t>16.4</t>
  </si>
  <si>
    <t>68714</t>
  </si>
  <si>
    <t>11996</t>
  </si>
  <si>
    <t>20378</t>
  </si>
  <si>
    <t>30576</t>
  </si>
  <si>
    <t>3646</t>
  </si>
  <si>
    <t>60320</t>
  </si>
  <si>
    <t>39605</t>
  </si>
  <si>
    <t>20418</t>
  </si>
  <si>
    <t>42500</t>
  </si>
  <si>
    <t>34030</t>
  </si>
  <si>
    <t>4442</t>
  </si>
  <si>
    <t>82880</t>
  </si>
  <si>
    <t>46893</t>
  </si>
  <si>
    <t>44392</t>
  </si>
  <si>
    <t>8164</t>
  </si>
  <si>
    <t>49960</t>
  </si>
  <si>
    <t>10252</t>
  </si>
  <si>
    <t>6188</t>
  </si>
  <si>
    <t>82622</t>
  </si>
  <si>
    <t>25761</t>
  </si>
  <si>
    <t>156077</t>
  </si>
  <si>
    <t>50280</t>
  </si>
  <si>
    <t>932684</t>
  </si>
  <si>
    <t>22181</t>
  </si>
  <si>
    <t>4698</t>
  </si>
  <si>
    <t>61768</t>
  </si>
  <si>
    <t>29756</t>
  </si>
  <si>
    <t>30105</t>
  </si>
  <si>
    <t>12917</t>
  </si>
  <si>
    <t>6244</t>
  </si>
  <si>
    <t>31244</t>
  </si>
  <si>
    <t>57544</t>
  </si>
  <si>
    <t>50468</t>
  </si>
  <si>
    <t>22722</t>
  </si>
  <si>
    <t>51785</t>
  </si>
  <si>
    <t>50819</t>
  </si>
  <si>
    <t>105450</t>
  </si>
  <si>
    <t>23998</t>
  </si>
  <si>
    <t>12005</t>
  </si>
  <si>
    <t>127962</t>
  </si>
  <si>
    <t>29179</t>
  </si>
  <si>
    <t>26105</t>
  </si>
  <si>
    <t>15264</t>
  </si>
  <si>
    <t>4856</t>
  </si>
  <si>
    <t>16076</t>
  </si>
  <si>
    <t>23692</t>
  </si>
  <si>
    <t>98968</t>
  </si>
  <si>
    <t>57346</t>
  </si>
  <si>
    <t>306951</t>
  </si>
  <si>
    <t>21006</t>
  </si>
  <si>
    <t>72180</t>
  </si>
  <si>
    <t>60484</t>
  </si>
  <si>
    <t>148.1</t>
  </si>
  <si>
    <t>37465</t>
  </si>
  <si>
    <t>10369.4</t>
  </si>
  <si>
    <t>3501</t>
  </si>
  <si>
    <t>22358</t>
  </si>
  <si>
    <t>8244</t>
  </si>
  <si>
    <t>7179</t>
  </si>
  <si>
    <t>44040</t>
  </si>
  <si>
    <t>15191</t>
  </si>
  <si>
    <t>5636</t>
  </si>
  <si>
    <t>285.1</t>
  </si>
  <si>
    <t>57167</t>
  </si>
  <si>
    <t>201654</t>
  </si>
  <si>
    <t>15348</t>
  </si>
  <si>
    <t>113610</t>
  </si>
  <si>
    <t>784000</t>
  </si>
  <si>
    <t>153103</t>
  </si>
  <si>
    <t>145200</t>
  </si>
  <si>
    <t>130500</t>
  </si>
  <si>
    <t>2856000</t>
  </si>
  <si>
    <t>1194000</t>
  </si>
  <si>
    <t>1564000</t>
  </si>
  <si>
    <t>59420</t>
  </si>
  <si>
    <t>17450</t>
  </si>
  <si>
    <t>501000</t>
  </si>
  <si>
    <t>115.5</t>
  </si>
  <si>
    <t>90100</t>
  </si>
  <si>
    <t>25511</t>
  </si>
  <si>
    <t>5928</t>
  </si>
  <si>
    <t>35197</t>
  </si>
  <si>
    <t>7257</t>
  </si>
  <si>
    <t>15150</t>
  </si>
  <si>
    <t>6990</t>
  </si>
  <si>
    <t>55600</t>
  </si>
  <si>
    <t>16.6</t>
  </si>
  <si>
    <t>47200</t>
  </si>
  <si>
    <t>7158</t>
  </si>
  <si>
    <t>9158</t>
  </si>
  <si>
    <t>114.6</t>
  </si>
  <si>
    <t>13031</t>
  </si>
  <si>
    <t>7115</t>
  </si>
  <si>
    <t>1112000</t>
  </si>
  <si>
    <t>421000</t>
  </si>
  <si>
    <t>677000</t>
  </si>
  <si>
    <t>67500</t>
  </si>
  <si>
    <t>6421</t>
  </si>
  <si>
    <t>382000</t>
  </si>
  <si>
    <t>59.9</t>
  </si>
  <si>
    <t>1172000</t>
  </si>
  <si>
    <t>11.2</t>
  </si>
  <si>
    <t>531017</t>
  </si>
  <si>
    <t>11989</t>
  </si>
  <si>
    <t>251100</t>
  </si>
  <si>
    <t>20365</t>
  </si>
  <si>
    <t>18100</t>
  </si>
  <si>
    <t>67900</t>
  </si>
  <si>
    <t>0.8</t>
  </si>
  <si>
    <t>0.7</t>
  </si>
  <si>
    <t>3633</t>
  </si>
  <si>
    <t>0.6</t>
  </si>
  <si>
    <t>87.9</t>
  </si>
  <si>
    <t>0.9</t>
  </si>
  <si>
    <t>4237</t>
  </si>
  <si>
    <t>69795</t>
  </si>
  <si>
    <t>2925000</t>
  </si>
  <si>
    <t>1036386</t>
  </si>
  <si>
    <t>477.6</t>
  </si>
  <si>
    <t>65056</t>
  </si>
  <si>
    <t>153.6</t>
  </si>
  <si>
    <t>32.1</t>
  </si>
  <si>
    <t>77.1</t>
  </si>
  <si>
    <t>30527</t>
  </si>
  <si>
    <t>9038</t>
  </si>
  <si>
    <t>109.6</t>
  </si>
  <si>
    <t>19.3</t>
  </si>
  <si>
    <t>1361.1</t>
  </si>
  <si>
    <t>585.7</t>
  </si>
  <si>
    <t>136.9</t>
  </si>
  <si>
    <t>138.6</t>
  </si>
  <si>
    <t>25.6</t>
  </si>
  <si>
    <t>48.7</t>
  </si>
  <si>
    <t>568.3</t>
  </si>
  <si>
    <t>57.7</t>
  </si>
  <si>
    <t>3121</t>
  </si>
  <si>
    <t>11075</t>
  </si>
  <si>
    <t>157470</t>
  </si>
  <si>
    <t>99544</t>
  </si>
  <si>
    <t>513000</t>
  </si>
  <si>
    <t>205580</t>
  </si>
  <si>
    <t>419104</t>
  </si>
  <si>
    <t>100500</t>
  </si>
  <si>
    <t>13710</t>
  </si>
  <si>
    <t>868140</t>
  </si>
  <si>
    <t>80925</t>
  </si>
  <si>
    <t>1049011</t>
  </si>
  <si>
    <t>71.1</t>
  </si>
  <si>
    <t>11627</t>
  </si>
  <si>
    <t>9835</t>
  </si>
  <si>
    <t>55300</t>
  </si>
  <si>
    <t>GUARDIA-PUNTOS FACCION</t>
  </si>
  <si>
    <t>53.8</t>
  </si>
  <si>
    <t>16740</t>
  </si>
  <si>
    <t>146.1</t>
  </si>
  <si>
    <t>38.2</t>
  </si>
  <si>
    <t>518.5</t>
  </si>
  <si>
    <t>234.3</t>
  </si>
  <si>
    <t>84.1</t>
  </si>
  <si>
    <t>301.3</t>
  </si>
  <si>
    <t>52.7</t>
  </si>
  <si>
    <t>111.7</t>
  </si>
  <si>
    <t>49.1</t>
  </si>
  <si>
    <t>208.6</t>
  </si>
  <si>
    <t>120.2</t>
  </si>
  <si>
    <t>265.1</t>
  </si>
  <si>
    <t>49.8</t>
  </si>
  <si>
    <t>6242</t>
  </si>
  <si>
    <t>17255</t>
  </si>
  <si>
    <t>8120</t>
  </si>
  <si>
    <t>3417</t>
  </si>
  <si>
    <t>10546</t>
  </si>
  <si>
    <t>6310</t>
  </si>
  <si>
    <t>505.6</t>
  </si>
  <si>
    <t>1637.9</t>
  </si>
  <si>
    <t>5705</t>
  </si>
  <si>
    <t>126.5</t>
  </si>
  <si>
    <t>64.5</t>
  </si>
  <si>
    <t>55.2</t>
  </si>
  <si>
    <t>182.5</t>
  </si>
  <si>
    <t>43.5</t>
  </si>
  <si>
    <t>6915</t>
  </si>
  <si>
    <t>72530</t>
  </si>
  <si>
    <t>645.6</t>
  </si>
  <si>
    <t>558.7</t>
  </si>
  <si>
    <t>9674</t>
  </si>
  <si>
    <t>BUS MEGABUS</t>
  </si>
  <si>
    <t>13250</t>
  </si>
  <si>
    <t>80410</t>
  </si>
  <si>
    <t>41.8</t>
  </si>
  <si>
    <t>770000</t>
  </si>
  <si>
    <t>128.2</t>
  </si>
  <si>
    <t>32880</t>
  </si>
  <si>
    <t>547000</t>
  </si>
  <si>
    <t>1565000</t>
  </si>
  <si>
    <t>260757</t>
  </si>
  <si>
    <t>283960</t>
  </si>
  <si>
    <t>33542</t>
  </si>
  <si>
    <t>155267</t>
  </si>
  <si>
    <t>50050</t>
  </si>
  <si>
    <t>181237</t>
  </si>
  <si>
    <t>499000</t>
  </si>
  <si>
    <t>51395</t>
  </si>
  <si>
    <t>34083</t>
  </si>
  <si>
    <t>42879</t>
  </si>
  <si>
    <t>79.6</t>
  </si>
  <si>
    <t>40.8</t>
  </si>
  <si>
    <t>63.9</t>
  </si>
  <si>
    <t>24.3</t>
  </si>
  <si>
    <t>52.6</t>
  </si>
  <si>
    <t>4894</t>
  </si>
  <si>
    <t>55.5</t>
  </si>
  <si>
    <t>42.9</t>
  </si>
  <si>
    <t>7789</t>
  </si>
  <si>
    <t>25966</t>
  </si>
  <si>
    <t>423.3</t>
  </si>
  <si>
    <t>8893</t>
  </si>
  <si>
    <t>25050</t>
  </si>
  <si>
    <t>189.8</t>
  </si>
  <si>
    <t>215.5</t>
  </si>
  <si>
    <t>205976</t>
  </si>
  <si>
    <t>80.1</t>
  </si>
  <si>
    <t>11984</t>
  </si>
  <si>
    <t>4608</t>
  </si>
  <si>
    <t>42.5</t>
  </si>
  <si>
    <t>112.3</t>
  </si>
  <si>
    <t>71660</t>
  </si>
  <si>
    <t>52.9</t>
  </si>
  <si>
    <t>39008</t>
  </si>
  <si>
    <t>10308</t>
  </si>
  <si>
    <t>90800</t>
  </si>
  <si>
    <t>210304</t>
  </si>
  <si>
    <t>63.2</t>
  </si>
  <si>
    <t>10.6</t>
  </si>
  <si>
    <t>224.8</t>
  </si>
  <si>
    <t>33.3</t>
  </si>
  <si>
    <t>53.9</t>
  </si>
  <si>
    <t>81.4</t>
  </si>
  <si>
    <t>37.7</t>
  </si>
  <si>
    <t>61.7</t>
  </si>
  <si>
    <t>20.5</t>
  </si>
  <si>
    <t>109.2</t>
  </si>
  <si>
    <t>261.3</t>
  </si>
  <si>
    <t>227.1</t>
  </si>
  <si>
    <t>60.6</t>
  </si>
  <si>
    <t>3699.8</t>
  </si>
  <si>
    <t>63.3</t>
  </si>
  <si>
    <t>658.4</t>
  </si>
  <si>
    <t>45.3</t>
  </si>
  <si>
    <t>194.3</t>
  </si>
  <si>
    <t>72.1</t>
  </si>
  <si>
    <t>10.7</t>
  </si>
  <si>
    <t>585.3</t>
  </si>
  <si>
    <t>6388</t>
  </si>
  <si>
    <t>48.1</t>
  </si>
  <si>
    <t>146.9</t>
  </si>
  <si>
    <t>33.8</t>
  </si>
  <si>
    <t>316.6</t>
  </si>
  <si>
    <t>1001.9</t>
  </si>
  <si>
    <t>102.9</t>
  </si>
  <si>
    <t>127258</t>
  </si>
  <si>
    <t>452800</t>
  </si>
  <si>
    <t>38.7</t>
  </si>
  <si>
    <t>87.5</t>
  </si>
  <si>
    <t>47760</t>
  </si>
  <si>
    <t>28.3</t>
  </si>
  <si>
    <t>833.9</t>
  </si>
  <si>
    <t>719.4</t>
  </si>
  <si>
    <t>832500</t>
  </si>
  <si>
    <t>1036.1</t>
  </si>
  <si>
    <t>49.2</t>
  </si>
  <si>
    <t>39.4</t>
  </si>
  <si>
    <t>305.6</t>
  </si>
  <si>
    <t>6.1</t>
  </si>
  <si>
    <t>884.1</t>
  </si>
  <si>
    <t>17700</t>
  </si>
  <si>
    <t>74.1</t>
  </si>
  <si>
    <t>301.9</t>
  </si>
  <si>
    <t>267.9</t>
  </si>
  <si>
    <t>21384</t>
  </si>
  <si>
    <t>13891</t>
  </si>
  <si>
    <t>31261</t>
  </si>
  <si>
    <t>107.1</t>
  </si>
  <si>
    <t>25.8</t>
  </si>
  <si>
    <t>6.9</t>
  </si>
  <si>
    <t>177.3</t>
  </si>
  <si>
    <t>15.6</t>
  </si>
  <si>
    <t>23.3</t>
  </si>
  <si>
    <t>58.6</t>
  </si>
  <si>
    <t>83.6</t>
  </si>
  <si>
    <t>213895</t>
  </si>
  <si>
    <t>205.6</t>
  </si>
  <si>
    <t>20.4</t>
  </si>
  <si>
    <t>175.9</t>
  </si>
  <si>
    <t>206.7</t>
  </si>
  <si>
    <t>57.6</t>
  </si>
  <si>
    <t>90.6</t>
  </si>
  <si>
    <t>5734</t>
  </si>
  <si>
    <t>546.9</t>
  </si>
  <si>
    <t>95.8</t>
  </si>
  <si>
    <t>2398</t>
  </si>
  <si>
    <t>100.6</t>
  </si>
  <si>
    <t>44.5</t>
  </si>
  <si>
    <t>15159</t>
  </si>
  <si>
    <t>221.1</t>
  </si>
  <si>
    <t>184.4</t>
  </si>
  <si>
    <t>103.3</t>
  </si>
  <si>
    <t>196.9</t>
  </si>
  <si>
    <t>18.1</t>
  </si>
  <si>
    <t>28.6</t>
  </si>
  <si>
    <t>429.3</t>
  </si>
  <si>
    <t>48300</t>
  </si>
  <si>
    <t>91.5</t>
  </si>
  <si>
    <t>263800</t>
  </si>
  <si>
    <t>1021000</t>
  </si>
  <si>
    <t>165.6</t>
  </si>
  <si>
    <t>36.4</t>
  </si>
  <si>
    <t>28.7</t>
  </si>
  <si>
    <t>8.8</t>
  </si>
  <si>
    <t>41.5</t>
  </si>
  <si>
    <t>71.9</t>
  </si>
  <si>
    <t>123999</t>
  </si>
  <si>
    <t>997974</t>
  </si>
  <si>
    <t>303107</t>
  </si>
  <si>
    <t>1374000</t>
  </si>
  <si>
    <t>306054</t>
  </si>
  <si>
    <t>108970</t>
  </si>
  <si>
    <t>5885</t>
  </si>
  <si>
    <t>250001</t>
  </si>
  <si>
    <t>931092</t>
  </si>
  <si>
    <t>1403000</t>
  </si>
  <si>
    <t>454572</t>
  </si>
  <si>
    <t>210079</t>
  </si>
  <si>
    <t>845000</t>
  </si>
  <si>
    <t>663000</t>
  </si>
  <si>
    <t>1375000</t>
  </si>
  <si>
    <t>1937000</t>
  </si>
  <si>
    <t>1440000</t>
  </si>
  <si>
    <t>57918</t>
  </si>
  <si>
    <t>221572</t>
  </si>
  <si>
    <t>327823</t>
  </si>
  <si>
    <t>11398</t>
  </si>
  <si>
    <t>535635</t>
  </si>
  <si>
    <t>141.6</t>
  </si>
  <si>
    <t>5986</t>
  </si>
  <si>
    <t>201.3</t>
  </si>
  <si>
    <t>110576</t>
  </si>
  <si>
    <t>1056929</t>
  </si>
  <si>
    <t>7425</t>
  </si>
  <si>
    <t>219.7</t>
  </si>
  <si>
    <t>264.5</t>
  </si>
  <si>
    <t>392000</t>
  </si>
  <si>
    <t>553.5</t>
  </si>
  <si>
    <t>725000</t>
  </si>
  <si>
    <t>2244</t>
  </si>
  <si>
    <t>9622</t>
  </si>
  <si>
    <t>2059000</t>
  </si>
  <si>
    <t>98240</t>
  </si>
  <si>
    <t>454000</t>
  </si>
  <si>
    <t>87006</t>
  </si>
  <si>
    <t>92432</t>
  </si>
  <si>
    <t>166213</t>
  </si>
  <si>
    <t>32.4</t>
  </si>
  <si>
    <t>50.7</t>
  </si>
  <si>
    <t>532000</t>
  </si>
  <si>
    <t>707000</t>
  </si>
  <si>
    <t>254000</t>
  </si>
  <si>
    <t>445000</t>
  </si>
  <si>
    <t>543000</t>
  </si>
  <si>
    <t>672000</t>
  </si>
  <si>
    <t>483000</t>
  </si>
  <si>
    <t>6180</t>
  </si>
  <si>
    <t>656000</t>
  </si>
  <si>
    <t>1961000</t>
  </si>
  <si>
    <t>968000</t>
  </si>
  <si>
    <t>482000</t>
  </si>
  <si>
    <t>712000</t>
  </si>
  <si>
    <t>853000</t>
  </si>
  <si>
    <t>1866000</t>
  </si>
  <si>
    <t>60264</t>
  </si>
  <si>
    <t>488794</t>
  </si>
  <si>
    <t>44136</t>
  </si>
  <si>
    <t>258852</t>
  </si>
  <si>
    <t>1037000</t>
  </si>
  <si>
    <t>120382</t>
  </si>
  <si>
    <t>4142</t>
  </si>
  <si>
    <t>6346</t>
  </si>
  <si>
    <t>7470</t>
  </si>
  <si>
    <t>20336</t>
  </si>
  <si>
    <t>2204</t>
  </si>
  <si>
    <t>45360</t>
  </si>
  <si>
    <t>2957</t>
  </si>
  <si>
    <t>144540</t>
  </si>
  <si>
    <t>10011</t>
  </si>
  <si>
    <t>121839</t>
  </si>
  <si>
    <t>195.4</t>
  </si>
  <si>
    <t>550725</t>
  </si>
  <si>
    <t>135100</t>
  </si>
  <si>
    <t>12960</t>
  </si>
  <si>
    <t>2390000</t>
  </si>
  <si>
    <t>21350</t>
  </si>
  <si>
    <t>26450</t>
  </si>
  <si>
    <t>44656</t>
  </si>
  <si>
    <t>377500</t>
  </si>
  <si>
    <t>97921</t>
  </si>
  <si>
    <t>4945</t>
  </si>
  <si>
    <t>95216</t>
  </si>
  <si>
    <t>194760</t>
  </si>
  <si>
    <t>373290</t>
  </si>
  <si>
    <t>243450</t>
  </si>
  <si>
    <t>151480</t>
  </si>
  <si>
    <t>43.1</t>
  </si>
  <si>
    <t>35.5</t>
  </si>
  <si>
    <t>397000</t>
  </si>
  <si>
    <t>25900</t>
  </si>
  <si>
    <t>413000</t>
  </si>
  <si>
    <t>640500</t>
  </si>
  <si>
    <t>44775</t>
  </si>
  <si>
    <t>27085</t>
  </si>
  <si>
    <t>4054</t>
  </si>
  <si>
    <t>762000</t>
  </si>
  <si>
    <t>353600</t>
  </si>
  <si>
    <t>402240</t>
  </si>
  <si>
    <t>81675</t>
  </si>
  <si>
    <t>197000</t>
  </si>
  <si>
    <t>2028</t>
  </si>
  <si>
    <t>15721</t>
  </si>
  <si>
    <t>204700</t>
  </si>
  <si>
    <t>1390000</t>
  </si>
  <si>
    <t>1728000</t>
  </si>
  <si>
    <t>1980000</t>
  </si>
  <si>
    <t>235335</t>
  </si>
  <si>
    <t>424000</t>
  </si>
  <si>
    <t>68885</t>
  </si>
  <si>
    <t>1010000</t>
  </si>
  <si>
    <t>55036</t>
  </si>
  <si>
    <t>7830</t>
  </si>
  <si>
    <t>299500</t>
  </si>
  <si>
    <t>9132</t>
  </si>
  <si>
    <t>18650</t>
  </si>
  <si>
    <t>119010</t>
  </si>
  <si>
    <t>181600</t>
  </si>
  <si>
    <t>1554000</t>
  </si>
  <si>
    <t>1382000</t>
  </si>
  <si>
    <t>999000</t>
  </si>
  <si>
    <t>613000</t>
  </si>
  <si>
    <t>829000</t>
  </si>
  <si>
    <t>901000</t>
  </si>
  <si>
    <t>1591000</t>
  </si>
  <si>
    <t>3567000</t>
  </si>
  <si>
    <t>6550000</t>
  </si>
  <si>
    <t>945000</t>
  </si>
  <si>
    <t>1198000</t>
  </si>
  <si>
    <t>1160000</t>
  </si>
  <si>
    <t>648000</t>
  </si>
  <si>
    <t>271000</t>
  </si>
  <si>
    <t>1652000</t>
  </si>
  <si>
    <t>467000</t>
  </si>
  <si>
    <t>7360</t>
  </si>
  <si>
    <t>10920</t>
  </si>
  <si>
    <t>2714</t>
  </si>
  <si>
    <t>75740</t>
  </si>
  <si>
    <t>852000</t>
  </si>
  <si>
    <t>599000</t>
  </si>
  <si>
    <t>1428000</t>
  </si>
  <si>
    <t>904000</t>
  </si>
  <si>
    <t>1964000</t>
  </si>
  <si>
    <t>759000</t>
  </si>
  <si>
    <t>1594000</t>
  </si>
  <si>
    <t>2014000</t>
  </si>
  <si>
    <t>5293000</t>
  </si>
  <si>
    <t>1706000</t>
  </si>
  <si>
    <t>851000</t>
  </si>
  <si>
    <t>668000</t>
  </si>
  <si>
    <t>5200000</t>
  </si>
  <si>
    <t>214004</t>
  </si>
  <si>
    <t>967000</t>
  </si>
  <si>
    <t>1232000</t>
  </si>
  <si>
    <t>638000</t>
  </si>
  <si>
    <t>280.8</t>
  </si>
  <si>
    <t>2523000</t>
  </si>
  <si>
    <t>710000</t>
  </si>
  <si>
    <t>2281</t>
  </si>
  <si>
    <t>15.2</t>
  </si>
  <si>
    <t>12.6</t>
  </si>
  <si>
    <t>136.6</t>
  </si>
  <si>
    <t>9.1</t>
  </si>
  <si>
    <t>10991</t>
  </si>
  <si>
    <t>47005</t>
  </si>
  <si>
    <t>227700</t>
  </si>
  <si>
    <t>1672.8</t>
  </si>
  <si>
    <t>51100</t>
  </si>
  <si>
    <t>138593</t>
  </si>
  <si>
    <t>191.1</t>
  </si>
  <si>
    <t>26700</t>
  </si>
  <si>
    <t>82.2</t>
  </si>
  <si>
    <t>42.4</t>
  </si>
  <si>
    <t>23.4</t>
  </si>
  <si>
    <t>55813</t>
  </si>
  <si>
    <t>219018</t>
  </si>
  <si>
    <t>73725</t>
  </si>
  <si>
    <t>94080</t>
  </si>
  <si>
    <t>497500</t>
  </si>
  <si>
    <t>559300</t>
  </si>
  <si>
    <t>41495</t>
  </si>
  <si>
    <t>78.8</t>
  </si>
  <si>
    <t>0.1</t>
  </si>
  <si>
    <t>709053</t>
  </si>
  <si>
    <t>83250</t>
  </si>
  <si>
    <t>3785</t>
  </si>
  <si>
    <t>429140</t>
  </si>
  <si>
    <t>193600</t>
  </si>
  <si>
    <t>703000</t>
  </si>
  <si>
    <t>111500</t>
  </si>
  <si>
    <t>81075</t>
  </si>
  <si>
    <t>49945.2</t>
  </si>
  <si>
    <t>372756</t>
  </si>
  <si>
    <t>9003</t>
  </si>
  <si>
    <t>20521</t>
  </si>
  <si>
    <t>68609</t>
  </si>
  <si>
    <t>63800</t>
  </si>
  <si>
    <t>102716</t>
  </si>
  <si>
    <t>654005</t>
  </si>
  <si>
    <t>5447</t>
  </si>
  <si>
    <t>15136</t>
  </si>
  <si>
    <t>82.3</t>
  </si>
  <si>
    <t>10846</t>
  </si>
  <si>
    <t>94.1</t>
  </si>
  <si>
    <t>431000</t>
  </si>
  <si>
    <t>479000</t>
  </si>
  <si>
    <t>2291</t>
  </si>
  <si>
    <t>366.5</t>
  </si>
  <si>
    <t>45.4</t>
  </si>
  <si>
    <t>172.3</t>
  </si>
  <si>
    <t>798.6</t>
  </si>
  <si>
    <t>25.2</t>
  </si>
  <si>
    <t>15468</t>
  </si>
  <si>
    <t>5476</t>
  </si>
  <si>
    <t>128.8</t>
  </si>
  <si>
    <t>4154</t>
  </si>
  <si>
    <t>8136</t>
  </si>
  <si>
    <t>7606</t>
  </si>
  <si>
    <t>10216</t>
  </si>
  <si>
    <t>11178</t>
  </si>
  <si>
    <t>13724</t>
  </si>
  <si>
    <t>7308</t>
  </si>
  <si>
    <t>3279</t>
  </si>
  <si>
    <t>12975</t>
  </si>
  <si>
    <t>90.4</t>
  </si>
  <si>
    <t>3948</t>
  </si>
  <si>
    <t>9884</t>
  </si>
  <si>
    <t>129.4</t>
  </si>
  <si>
    <t>11920</t>
  </si>
  <si>
    <t>268212</t>
  </si>
  <si>
    <t>101500</t>
  </si>
  <si>
    <t>32901</t>
  </si>
  <si>
    <t>20557</t>
  </si>
  <si>
    <t>47400</t>
  </si>
  <si>
    <t>8396</t>
  </si>
  <si>
    <t>159350</t>
  </si>
  <si>
    <t>13874</t>
  </si>
  <si>
    <t>34204</t>
  </si>
  <si>
    <t>150522</t>
  </si>
  <si>
    <t>13384</t>
  </si>
  <si>
    <t>10274</t>
  </si>
  <si>
    <t>5826</t>
  </si>
  <si>
    <t>24914</t>
  </si>
  <si>
    <t>35488</t>
  </si>
  <si>
    <t>94488</t>
  </si>
  <si>
    <t>17206</t>
  </si>
  <si>
    <t>3452</t>
  </si>
  <si>
    <t>95800</t>
  </si>
  <si>
    <t>52366</t>
  </si>
  <si>
    <t>42830</t>
  </si>
  <si>
    <t>3492</t>
  </si>
  <si>
    <t>297000</t>
  </si>
  <si>
    <t>14956</t>
  </si>
  <si>
    <t>39680</t>
  </si>
  <si>
    <t>63400</t>
  </si>
  <si>
    <t>18666</t>
  </si>
  <si>
    <t>9912</t>
  </si>
  <si>
    <t>5535</t>
  </si>
  <si>
    <t>17790</t>
  </si>
  <si>
    <t>7855</t>
  </si>
  <si>
    <t>11998</t>
  </si>
  <si>
    <t>6610</t>
  </si>
  <si>
    <t>7070</t>
  </si>
  <si>
    <t>21222</t>
  </si>
  <si>
    <t>121800</t>
  </si>
  <si>
    <t>20470</t>
  </si>
  <si>
    <t>13810</t>
  </si>
  <si>
    <t>14555</t>
  </si>
  <si>
    <t>11950</t>
  </si>
  <si>
    <t>12370</t>
  </si>
  <si>
    <t>62740</t>
  </si>
  <si>
    <t>13190</t>
  </si>
  <si>
    <t>65346</t>
  </si>
  <si>
    <t>1942000</t>
  </si>
  <si>
    <t>14490</t>
  </si>
  <si>
    <t>23845</t>
  </si>
  <si>
    <t>8387</t>
  </si>
  <si>
    <t>11445</t>
  </si>
  <si>
    <t>5387</t>
  </si>
  <si>
    <t>17520</t>
  </si>
  <si>
    <t>17810</t>
  </si>
  <si>
    <t>14985</t>
  </si>
  <si>
    <t>1209000</t>
  </si>
  <si>
    <t>3951</t>
  </si>
  <si>
    <t>8217</t>
  </si>
  <si>
    <t>7475</t>
  </si>
  <si>
    <t>1889000</t>
  </si>
  <si>
    <t>154.8</t>
  </si>
  <si>
    <t>88600</t>
  </si>
  <si>
    <t>27398</t>
  </si>
  <si>
    <t>51520</t>
  </si>
  <si>
    <t>4257</t>
  </si>
  <si>
    <t>196.4</t>
  </si>
  <si>
    <t>54.3</t>
  </si>
  <si>
    <t>102.2</t>
  </si>
  <si>
    <t>10.1</t>
  </si>
  <si>
    <t>170.2</t>
  </si>
  <si>
    <t>6973.8</t>
  </si>
  <si>
    <t>414.5</t>
  </si>
  <si>
    <t>67575</t>
  </si>
  <si>
    <t>90105</t>
  </si>
  <si>
    <t>13235</t>
  </si>
  <si>
    <t>47.8</t>
  </si>
  <si>
    <t>15448</t>
  </si>
  <si>
    <t>3149</t>
  </si>
  <si>
    <t>4377</t>
  </si>
  <si>
    <t>43.7</t>
  </si>
  <si>
    <t>25.4</t>
  </si>
  <si>
    <t>17.9</t>
  </si>
  <si>
    <t>480030</t>
  </si>
  <si>
    <t>4851</t>
  </si>
  <si>
    <t>270988</t>
  </si>
  <si>
    <t>6327</t>
  </si>
  <si>
    <t>67.5</t>
  </si>
  <si>
    <t>137.4</t>
  </si>
  <si>
    <t>1000.2</t>
  </si>
  <si>
    <t>122.3</t>
  </si>
  <si>
    <t>90.3</t>
  </si>
  <si>
    <t>108.9</t>
  </si>
  <si>
    <t>40.1</t>
  </si>
  <si>
    <t>27.3</t>
  </si>
  <si>
    <t>69.5</t>
  </si>
  <si>
    <t>12.4</t>
  </si>
  <si>
    <t>13.1</t>
  </si>
  <si>
    <t>75.2</t>
  </si>
  <si>
    <t>685.7</t>
  </si>
  <si>
    <t>123.6</t>
  </si>
  <si>
    <t>122604</t>
  </si>
  <si>
    <t>38.1</t>
  </si>
  <si>
    <t>30.7</t>
  </si>
  <si>
    <t>40.6</t>
  </si>
  <si>
    <t>74.5</t>
  </si>
  <si>
    <t>99.8</t>
  </si>
  <si>
    <t>17.7</t>
  </si>
  <si>
    <t>24.6</t>
  </si>
  <si>
    <t>344.3</t>
  </si>
  <si>
    <t>56.1</t>
  </si>
  <si>
    <t>184.2</t>
  </si>
  <si>
    <t>719.1</t>
  </si>
  <si>
    <t>13.9</t>
  </si>
  <si>
    <t>14.3</t>
  </si>
  <si>
    <t>22.6</t>
  </si>
  <si>
    <t>3657</t>
  </si>
  <si>
    <t>53.6</t>
  </si>
  <si>
    <t>1708</t>
  </si>
  <si>
    <t>390.8</t>
  </si>
  <si>
    <t>7768</t>
  </si>
  <si>
    <t>256.5</t>
  </si>
  <si>
    <t>9240</t>
  </si>
  <si>
    <t>55500</t>
  </si>
  <si>
    <t>31020</t>
  </si>
  <si>
    <t>16.9</t>
  </si>
  <si>
    <t>47.5</t>
  </si>
  <si>
    <t>22.7</t>
  </si>
  <si>
    <t>50.8</t>
  </si>
  <si>
    <t>2817</t>
  </si>
  <si>
    <t>78800</t>
  </si>
  <si>
    <t>98806</t>
  </si>
  <si>
    <t>47.6</t>
  </si>
  <si>
    <t>52500</t>
  </si>
  <si>
    <t>97027</t>
  </si>
  <si>
    <t>140680</t>
  </si>
  <si>
    <t>0.2</t>
  </si>
  <si>
    <t>40800</t>
  </si>
  <si>
    <t>CONFINES</t>
  </si>
  <si>
    <t>0.4</t>
  </si>
  <si>
    <t>5808</t>
  </si>
  <si>
    <t>25775</t>
  </si>
  <si>
    <t>14310</t>
  </si>
  <si>
    <t>4513.9</t>
  </si>
  <si>
    <t>1733000</t>
  </si>
  <si>
    <t>5569</t>
  </si>
  <si>
    <t>301324</t>
  </si>
  <si>
    <t>68.4</t>
  </si>
  <si>
    <t>43.4</t>
  </si>
  <si>
    <t>13.3</t>
  </si>
  <si>
    <t>103.9</t>
  </si>
  <si>
    <t>62.7</t>
  </si>
  <si>
    <t>29.9</t>
  </si>
  <si>
    <t>2213</t>
  </si>
  <si>
    <t>90.9</t>
  </si>
  <si>
    <t>93.9</t>
  </si>
  <si>
    <t>84.4</t>
  </si>
  <si>
    <t>280440</t>
  </si>
  <si>
    <t>1888000</t>
  </si>
  <si>
    <t>95.5</t>
  </si>
  <si>
    <t>56.6</t>
  </si>
  <si>
    <t>21.7</t>
  </si>
  <si>
    <t>18.6</t>
  </si>
  <si>
    <t>26.9</t>
  </si>
  <si>
    <t>46.8</t>
  </si>
  <si>
    <t>19223</t>
  </si>
  <si>
    <t>26.3</t>
  </si>
  <si>
    <t>15.9</t>
  </si>
  <si>
    <t>539.5</t>
  </si>
  <si>
    <t>25.1</t>
  </si>
  <si>
    <t>100.8</t>
  </si>
  <si>
    <t>2420.2</t>
  </si>
  <si>
    <t>39.1</t>
  </si>
  <si>
    <t>32538</t>
  </si>
  <si>
    <t>2499.5</t>
  </si>
  <si>
    <t>320.1</t>
  </si>
  <si>
    <t>372.7</t>
  </si>
  <si>
    <t>379.2</t>
  </si>
  <si>
    <t>148.8</t>
  </si>
  <si>
    <t>1104.2</t>
  </si>
  <si>
    <t>252.2</t>
  </si>
  <si>
    <t>32.7</t>
  </si>
  <si>
    <t>39.2</t>
  </si>
  <si>
    <t>34.1</t>
  </si>
  <si>
    <t>134.8</t>
  </si>
  <si>
    <t>145.1</t>
  </si>
  <si>
    <t>257.4</t>
  </si>
  <si>
    <t>16787.4</t>
  </si>
  <si>
    <t>1771.9</t>
  </si>
  <si>
    <t>122.7</t>
  </si>
  <si>
    <t>494.3</t>
  </si>
  <si>
    <t>131.7</t>
  </si>
  <si>
    <t>135.3</t>
  </si>
  <si>
    <t>72.4</t>
  </si>
  <si>
    <t>160.5</t>
  </si>
  <si>
    <t>700.1</t>
  </si>
  <si>
    <t>28136.2</t>
  </si>
  <si>
    <t>645.9</t>
  </si>
  <si>
    <t>265.8</t>
  </si>
  <si>
    <t>59.6</t>
  </si>
  <si>
    <t>100.2</t>
  </si>
  <si>
    <t>572.2</t>
  </si>
  <si>
    <t>1280.2</t>
  </si>
  <si>
    <t>37.3</t>
  </si>
  <si>
    <t>40.7</t>
  </si>
  <si>
    <t>88.4</t>
  </si>
  <si>
    <t>186.3</t>
  </si>
  <si>
    <t>183.2</t>
  </si>
  <si>
    <t>100.3</t>
  </si>
  <si>
    <t>97.6</t>
  </si>
  <si>
    <t>96.4</t>
  </si>
  <si>
    <t>733.8</t>
  </si>
  <si>
    <t>152.7</t>
  </si>
  <si>
    <t>173.3</t>
  </si>
  <si>
    <t>110.7</t>
  </si>
  <si>
    <t>20.9</t>
  </si>
  <si>
    <t>125.8</t>
  </si>
  <si>
    <t>428.8</t>
  </si>
  <si>
    <t>45.1</t>
  </si>
  <si>
    <t>257.9</t>
  </si>
  <si>
    <t>323.3</t>
  </si>
  <si>
    <t>413.5</t>
  </si>
  <si>
    <t>71.3</t>
  </si>
  <si>
    <t>484.6</t>
  </si>
  <si>
    <t>138.5</t>
  </si>
  <si>
    <t>121.6</t>
  </si>
  <si>
    <t>157.3</t>
  </si>
  <si>
    <t>290.5</t>
  </si>
  <si>
    <t>42.2</t>
  </si>
  <si>
    <t>64.9</t>
  </si>
  <si>
    <t>133.3</t>
  </si>
  <si>
    <t>58.1</t>
  </si>
  <si>
    <t>1951.6</t>
  </si>
  <si>
    <t>144.5</t>
  </si>
  <si>
    <t>1390.5</t>
  </si>
  <si>
    <t>165.3</t>
  </si>
  <si>
    <t>354.5</t>
  </si>
  <si>
    <t>161.6</t>
  </si>
  <si>
    <t>3552.7</t>
  </si>
  <si>
    <t>260.8</t>
  </si>
  <si>
    <t>64.3</t>
  </si>
  <si>
    <t>435.9</t>
  </si>
  <si>
    <t>286.6</t>
  </si>
  <si>
    <t>69.3</t>
  </si>
  <si>
    <t>55.6</t>
  </si>
  <si>
    <t>989.3</t>
  </si>
  <si>
    <t>162.3</t>
  </si>
  <si>
    <t>231.2</t>
  </si>
  <si>
    <t>1264.1</t>
  </si>
  <si>
    <t>116.1</t>
  </si>
  <si>
    <t>1269.3</t>
  </si>
  <si>
    <t>318.3</t>
  </si>
  <si>
    <t>27.2</t>
  </si>
  <si>
    <t>152.6</t>
  </si>
  <si>
    <t>74.9</t>
  </si>
  <si>
    <t>86.3</t>
  </si>
  <si>
    <t>104.5</t>
  </si>
  <si>
    <t>55.9</t>
  </si>
  <si>
    <t>51.2</t>
  </si>
  <si>
    <t>30.1</t>
  </si>
  <si>
    <t>28.8</t>
  </si>
  <si>
    <t>380.2</t>
  </si>
  <si>
    <t>22.8</t>
  </si>
  <si>
    <t>36.8</t>
  </si>
  <si>
    <t>70.4</t>
  </si>
  <si>
    <t>35.6</t>
  </si>
  <si>
    <t>58.9</t>
  </si>
  <si>
    <t>78060</t>
  </si>
  <si>
    <t>446.8</t>
  </si>
  <si>
    <t>247.3</t>
  </si>
  <si>
    <t>67.9</t>
  </si>
  <si>
    <t>26.4</t>
  </si>
  <si>
    <t>129.6</t>
  </si>
  <si>
    <t>56.9</t>
  </si>
  <si>
    <t>86.4</t>
  </si>
  <si>
    <t>967.3</t>
  </si>
  <si>
    <t>38000.9</t>
  </si>
  <si>
    <t>130.2</t>
  </si>
  <si>
    <t>123.3</t>
  </si>
  <si>
    <t>92.5</t>
  </si>
  <si>
    <t>264.7</t>
  </si>
  <si>
    <t>518.8</t>
  </si>
  <si>
    <t>43.8</t>
  </si>
  <si>
    <t>955.8</t>
  </si>
  <si>
    <t>72.6</t>
  </si>
  <si>
    <t>73.1</t>
  </si>
  <si>
    <t>73.5</t>
  </si>
  <si>
    <t>95020</t>
  </si>
  <si>
    <t>15.7</t>
  </si>
  <si>
    <t>19.6</t>
  </si>
  <si>
    <t>0.3</t>
  </si>
  <si>
    <t>129.7</t>
  </si>
  <si>
    <t>75.6</t>
  </si>
  <si>
    <t>16.1</t>
  </si>
  <si>
    <t>19250</t>
  </si>
  <si>
    <t>258.3</t>
  </si>
  <si>
    <t>551.6</t>
  </si>
  <si>
    <t>242.7</t>
  </si>
  <si>
    <t>107.7</t>
  </si>
  <si>
    <t>179.1</t>
  </si>
  <si>
    <t>397.1</t>
  </si>
  <si>
    <t>85.6</t>
  </si>
  <si>
    <t>40.9</t>
  </si>
  <si>
    <t>256.8</t>
  </si>
  <si>
    <t>279.8</t>
  </si>
  <si>
    <t>77.6</t>
  </si>
  <si>
    <t>155.2</t>
  </si>
  <si>
    <t>246.8</t>
  </si>
  <si>
    <t>467.1</t>
  </si>
  <si>
    <t>12.1</t>
  </si>
  <si>
    <t>435.5</t>
  </si>
  <si>
    <t>93.1</t>
  </si>
  <si>
    <t>51764.5</t>
  </si>
  <si>
    <t>38016</t>
  </si>
  <si>
    <t>110500</t>
  </si>
  <si>
    <t>5755.5</t>
  </si>
  <si>
    <t>61.4</t>
  </si>
  <si>
    <t>61.3</t>
  </si>
  <si>
    <t>222.5</t>
  </si>
  <si>
    <t>714.5</t>
  </si>
  <si>
    <t>105.3</t>
  </si>
  <si>
    <t>72.8</t>
  </si>
  <si>
    <t>48.3</t>
  </si>
  <si>
    <t>101.2</t>
  </si>
  <si>
    <t>1796454</t>
  </si>
  <si>
    <t>102.8</t>
  </si>
  <si>
    <t>153.8</t>
  </si>
  <si>
    <t>29.3</t>
  </si>
  <si>
    <t>6358</t>
  </si>
  <si>
    <t>130.5</t>
  </si>
  <si>
    <t>1229.6</t>
  </si>
  <si>
    <t>486.9</t>
  </si>
  <si>
    <t>84260</t>
  </si>
  <si>
    <t>41.1</t>
  </si>
  <si>
    <t>101.5</t>
  </si>
  <si>
    <t>158.4</t>
  </si>
  <si>
    <t>24600</t>
  </si>
  <si>
    <t>42660</t>
  </si>
  <si>
    <t>7267</t>
  </si>
  <si>
    <t>127865</t>
  </si>
  <si>
    <t>3537.5</t>
  </si>
  <si>
    <t>24154</t>
  </si>
  <si>
    <t>4126</t>
  </si>
  <si>
    <t>2201</t>
  </si>
  <si>
    <t>3893</t>
  </si>
  <si>
    <t>106022</t>
  </si>
  <si>
    <t>462156</t>
  </si>
  <si>
    <t>9350</t>
  </si>
  <si>
    <t>11520</t>
  </si>
  <si>
    <t>4513</t>
  </si>
  <si>
    <t>33684</t>
  </si>
  <si>
    <t>8615</t>
  </si>
  <si>
    <t>1667.3</t>
  </si>
  <si>
    <t>53881</t>
  </si>
  <si>
    <t>9417</t>
  </si>
  <si>
    <t>8415</t>
  </si>
  <si>
    <t>510.6</t>
  </si>
  <si>
    <t>153259</t>
  </si>
  <si>
    <t>7215</t>
  </si>
  <si>
    <t>4403</t>
  </si>
  <si>
    <t>137.2</t>
  </si>
  <si>
    <t>210.8</t>
  </si>
  <si>
    <t>282.2</t>
  </si>
  <si>
    <t>76.5</t>
  </si>
  <si>
    <t>548.3</t>
  </si>
  <si>
    <t>876000</t>
  </si>
  <si>
    <t>54.7</t>
  </si>
  <si>
    <t>50196</t>
  </si>
  <si>
    <t>15296</t>
  </si>
  <si>
    <t>8595</t>
  </si>
  <si>
    <t>400.9</t>
  </si>
  <si>
    <t>51074</t>
  </si>
  <si>
    <t>37122</t>
  </si>
  <si>
    <t>63070</t>
  </si>
  <si>
    <t>4491</t>
  </si>
  <si>
    <t>7239</t>
  </si>
  <si>
    <t>400.8</t>
  </si>
  <si>
    <t>25125</t>
  </si>
  <si>
    <t>23177</t>
  </si>
  <si>
    <t>291000</t>
  </si>
  <si>
    <t>13188</t>
  </si>
  <si>
    <t>7489</t>
  </si>
  <si>
    <t>3241</t>
  </si>
  <si>
    <t>13813</t>
  </si>
  <si>
    <t>8146</t>
  </si>
  <si>
    <t>8124</t>
  </si>
  <si>
    <t>7455</t>
  </si>
  <si>
    <t>30812</t>
  </si>
  <si>
    <t>11779</t>
  </si>
  <si>
    <t>8278.7</t>
  </si>
  <si>
    <t>43010</t>
  </si>
  <si>
    <t>552.7</t>
  </si>
  <si>
    <t>45534</t>
  </si>
  <si>
    <t>21690</t>
  </si>
  <si>
    <t>155250</t>
  </si>
  <si>
    <t>713000</t>
  </si>
  <si>
    <t>1213000</t>
  </si>
  <si>
    <t>461000</t>
  </si>
  <si>
    <t>81120</t>
  </si>
  <si>
    <t>259250</t>
  </si>
  <si>
    <t>29524</t>
  </si>
  <si>
    <t>1346000</t>
  </si>
  <si>
    <t>369936</t>
  </si>
  <si>
    <t>1319000</t>
  </si>
  <si>
    <t>745000</t>
  </si>
  <si>
    <t>688000</t>
  </si>
  <si>
    <t>2574000</t>
  </si>
  <si>
    <t>15984</t>
  </si>
  <si>
    <t>524216</t>
  </si>
  <si>
    <t>128128</t>
  </si>
  <si>
    <t>248040</t>
  </si>
  <si>
    <t>538000</t>
  </si>
  <si>
    <t>52936</t>
  </si>
  <si>
    <t>384152</t>
  </si>
  <si>
    <t>744000</t>
  </si>
  <si>
    <t>644000</t>
  </si>
  <si>
    <t>1218000</t>
  </si>
  <si>
    <t>798660</t>
  </si>
  <si>
    <t>744506</t>
  </si>
  <si>
    <t>79875</t>
  </si>
  <si>
    <t>SALA DE RETENIDOS</t>
  </si>
  <si>
    <t>2796</t>
  </si>
  <si>
    <t>40472</t>
  </si>
  <si>
    <t>18920</t>
  </si>
  <si>
    <t>19340</t>
  </si>
  <si>
    <t>617000</t>
  </si>
  <si>
    <t>51.4</t>
  </si>
  <si>
    <t>202004</t>
  </si>
  <si>
    <t>15250</t>
  </si>
  <si>
    <t>24025</t>
  </si>
  <si>
    <t>928300</t>
  </si>
  <si>
    <t>70020</t>
  </si>
  <si>
    <t>9006</t>
  </si>
  <si>
    <t>4327</t>
  </si>
  <si>
    <t>244510</t>
  </si>
  <si>
    <t>14.1</t>
  </si>
  <si>
    <t>20025</t>
  </si>
  <si>
    <t>188034</t>
  </si>
  <si>
    <t>12613</t>
  </si>
  <si>
    <t>16561</t>
  </si>
  <si>
    <t>6766</t>
  </si>
  <si>
    <t>41572</t>
  </si>
  <si>
    <t>6846</t>
  </si>
  <si>
    <t>23608</t>
  </si>
  <si>
    <t>3099</t>
  </si>
  <si>
    <t>26116</t>
  </si>
  <si>
    <t>25008</t>
  </si>
  <si>
    <t>5242</t>
  </si>
  <si>
    <t>20009</t>
  </si>
  <si>
    <t>65008</t>
  </si>
  <si>
    <t>72574</t>
  </si>
  <si>
    <t>33005</t>
  </si>
  <si>
    <t>13006</t>
  </si>
  <si>
    <t>10065</t>
  </si>
  <si>
    <t>7240</t>
  </si>
  <si>
    <t>524504</t>
  </si>
  <si>
    <t>171049</t>
  </si>
  <si>
    <t>36.6</t>
  </si>
  <si>
    <t>62.2</t>
  </si>
  <si>
    <t>11047</t>
  </si>
  <si>
    <t>81116</t>
  </si>
  <si>
    <t>2214</t>
  </si>
  <si>
    <t>2784</t>
  </si>
  <si>
    <t>10555</t>
  </si>
  <si>
    <t>4904</t>
  </si>
  <si>
    <t>100086</t>
  </si>
  <si>
    <t>48680</t>
  </si>
  <si>
    <t>6298</t>
  </si>
  <si>
    <t>5059</t>
  </si>
  <si>
    <t>4968</t>
  </si>
  <si>
    <t>5025</t>
  </si>
  <si>
    <t>10003</t>
  </si>
  <si>
    <t>9026</t>
  </si>
  <si>
    <t>7737</t>
  </si>
  <si>
    <t>3949</t>
  </si>
  <si>
    <t>2643</t>
  </si>
  <si>
    <t>2821</t>
  </si>
  <si>
    <t>9982</t>
  </si>
  <si>
    <t>3479</t>
  </si>
  <si>
    <t>747.3</t>
  </si>
  <si>
    <t>32023</t>
  </si>
  <si>
    <t>34.8</t>
  </si>
  <si>
    <t>854525</t>
  </si>
  <si>
    <t>27150</t>
  </si>
  <si>
    <t>6020</t>
  </si>
  <si>
    <t>66.6</t>
  </si>
  <si>
    <t>134.5</t>
  </si>
  <si>
    <t>87.1</t>
  </si>
  <si>
    <t>61.5</t>
  </si>
  <si>
    <t>252.7</t>
  </si>
  <si>
    <t>20636</t>
  </si>
  <si>
    <t>48440</t>
  </si>
  <si>
    <t>278.2</t>
  </si>
  <si>
    <t>5113</t>
  </si>
  <si>
    <t>192.5</t>
  </si>
  <si>
    <t>158.5</t>
  </si>
  <si>
    <t>183.4</t>
  </si>
  <si>
    <t>40672</t>
  </si>
  <si>
    <t>153.3</t>
  </si>
  <si>
    <t>1058.1</t>
  </si>
  <si>
    <t>203.7</t>
  </si>
  <si>
    <t>125.4</t>
  </si>
  <si>
    <t>125.7</t>
  </si>
  <si>
    <t>230.5</t>
  </si>
  <si>
    <t>79.2</t>
  </si>
  <si>
    <t>66732</t>
  </si>
  <si>
    <t>249002</t>
  </si>
  <si>
    <t>36700</t>
  </si>
  <si>
    <t>10578</t>
  </si>
  <si>
    <t>60909</t>
  </si>
  <si>
    <t>15414</t>
  </si>
  <si>
    <t>15612</t>
  </si>
  <si>
    <t>19869</t>
  </si>
  <si>
    <t>31808</t>
  </si>
  <si>
    <t>14586</t>
  </si>
  <si>
    <t>64865</t>
  </si>
  <si>
    <t>40205</t>
  </si>
  <si>
    <t>12325</t>
  </si>
  <si>
    <t>12424</t>
  </si>
  <si>
    <t>5718</t>
  </si>
  <si>
    <t>6412</t>
  </si>
  <si>
    <t>19215</t>
  </si>
  <si>
    <t>7792</t>
  </si>
  <si>
    <t>11976</t>
  </si>
  <si>
    <t>7014</t>
  </si>
  <si>
    <t>23400</t>
  </si>
  <si>
    <t>45526</t>
  </si>
  <si>
    <t>30317</t>
  </si>
  <si>
    <t>53324</t>
  </si>
  <si>
    <t>51300</t>
  </si>
  <si>
    <t>12531</t>
  </si>
  <si>
    <t>14880</t>
  </si>
  <si>
    <t>15120</t>
  </si>
  <si>
    <t>10277</t>
  </si>
  <si>
    <t>32600</t>
  </si>
  <si>
    <t>20233</t>
  </si>
  <si>
    <t>22700</t>
  </si>
  <si>
    <t>14643</t>
  </si>
  <si>
    <t>25400</t>
  </si>
  <si>
    <t>134600</t>
  </si>
  <si>
    <t>21650</t>
  </si>
  <si>
    <t>37149</t>
  </si>
  <si>
    <t>20186</t>
  </si>
  <si>
    <t>55660</t>
  </si>
  <si>
    <t>17935</t>
  </si>
  <si>
    <t>9945</t>
  </si>
  <si>
    <t>35145</t>
  </si>
  <si>
    <t>228876</t>
  </si>
  <si>
    <t>21820</t>
  </si>
  <si>
    <t>300.3</t>
  </si>
  <si>
    <t>8179</t>
  </si>
  <si>
    <t>52.2</t>
  </si>
  <si>
    <t>11320</t>
  </si>
  <si>
    <t>27875</t>
  </si>
  <si>
    <t>272605</t>
  </si>
  <si>
    <t>377100</t>
  </si>
  <si>
    <t>63.7</t>
  </si>
  <si>
    <t>216.7</t>
  </si>
  <si>
    <t>83658</t>
  </si>
  <si>
    <t>608706</t>
  </si>
  <si>
    <t>168345</t>
  </si>
  <si>
    <t>7910</t>
  </si>
  <si>
    <t>11645</t>
  </si>
  <si>
    <t>31440</t>
  </si>
  <si>
    <t>10990</t>
  </si>
  <si>
    <t>116028</t>
  </si>
  <si>
    <t>178041</t>
  </si>
  <si>
    <t>75280</t>
  </si>
  <si>
    <t>74957</t>
  </si>
  <si>
    <t>212046</t>
  </si>
  <si>
    <t>49903</t>
  </si>
  <si>
    <t>17274</t>
  </si>
  <si>
    <t>26011</t>
  </si>
  <si>
    <t>13003</t>
  </si>
  <si>
    <t>53389</t>
  </si>
  <si>
    <t>2934</t>
  </si>
  <si>
    <t>110592</t>
  </si>
  <si>
    <t>6782</t>
  </si>
  <si>
    <t>31764</t>
  </si>
  <si>
    <t>15029</t>
  </si>
  <si>
    <t>10212</t>
  </si>
  <si>
    <t>14938</t>
  </si>
  <si>
    <t>14382</t>
  </si>
  <si>
    <t>5194</t>
  </si>
  <si>
    <t>50695</t>
  </si>
  <si>
    <t>18807</t>
  </si>
  <si>
    <t>13312</t>
  </si>
  <si>
    <t>13419</t>
  </si>
  <si>
    <t>9397.5</t>
  </si>
  <si>
    <t>48.6</t>
  </si>
  <si>
    <t>49820</t>
  </si>
  <si>
    <t>18338</t>
  </si>
  <si>
    <t>11915</t>
  </si>
  <si>
    <t>8521</t>
  </si>
  <si>
    <t>66968</t>
  </si>
  <si>
    <t>157431</t>
  </si>
  <si>
    <t>188809</t>
  </si>
  <si>
    <t>12384</t>
  </si>
  <si>
    <t>55723</t>
  </si>
  <si>
    <t>44633</t>
  </si>
  <si>
    <t>30206</t>
  </si>
  <si>
    <t>5508</t>
  </si>
  <si>
    <t>139578</t>
  </si>
  <si>
    <t>6761</t>
  </si>
  <si>
    <t>5066</t>
  </si>
  <si>
    <t>5359</t>
  </si>
  <si>
    <t>106036</t>
  </si>
  <si>
    <t>118580</t>
  </si>
  <si>
    <t>90888</t>
  </si>
  <si>
    <t>304748</t>
  </si>
  <si>
    <t>FERRERERAS, MARRANERAS Y CABALLERIZAS</t>
  </si>
  <si>
    <t>150960</t>
  </si>
  <si>
    <t>110223</t>
  </si>
  <si>
    <t>35155</t>
  </si>
  <si>
    <t>180340</t>
  </si>
  <si>
    <t>07/01/2017 12:00:00 AM</t>
  </si>
  <si>
    <t>07/02/2017 12:00:00 AM</t>
  </si>
  <si>
    <t>07/03/2017 12:00:00 AM</t>
  </si>
  <si>
    <t>07/04/2017 12:00:00 AM</t>
  </si>
  <si>
    <t>07/05/2017 12:00:00 AM</t>
  </si>
  <si>
    <t>473.5</t>
  </si>
  <si>
    <t>07/06/2017 12:00:00 AM</t>
  </si>
  <si>
    <t>07/07/2017 12:00:00 AM</t>
  </si>
  <si>
    <t>2156</t>
  </si>
  <si>
    <t>07/08/2017 12:00:00 AM</t>
  </si>
  <si>
    <t>07/09/2017 12:00:00 AM</t>
  </si>
  <si>
    <t>07/10/2017 12:00:00 AM</t>
  </si>
  <si>
    <t>07/11/2017 12:00:00 AM</t>
  </si>
  <si>
    <t>07/12/2017 12:00:00 AM</t>
  </si>
  <si>
    <t>07/13/2017 12:00:00 AM</t>
  </si>
  <si>
    <t>07/14/2017 12:00:00 AM</t>
  </si>
  <si>
    <t>07/15/2017 12:00:00 AM</t>
  </si>
  <si>
    <t>07/16/2017 12:00:00 AM</t>
  </si>
  <si>
    <t>07/17/2017 12:00:00 AM</t>
  </si>
  <si>
    <t>07/18/2017 12:00:00 AM</t>
  </si>
  <si>
    <t>07/19/2017 12:00:00 AM</t>
  </si>
  <si>
    <t>07/20/2017 12:00:00 AM</t>
  </si>
  <si>
    <t>07/21/2017 12:00:00 AM</t>
  </si>
  <si>
    <t>07/22/2017 12:00:00 AM</t>
  </si>
  <si>
    <t>07/23/2017 12:00:00 AM</t>
  </si>
  <si>
    <t>07/24/2017 12:00:00 AM</t>
  </si>
  <si>
    <t>07/25/2017 12:00:00 AM</t>
  </si>
  <si>
    <t>07/26/2017 12:00:00 AM</t>
  </si>
  <si>
    <t>07/27/2017 12:00:00 AM</t>
  </si>
  <si>
    <t>07/28/2017 12:00:00 AM</t>
  </si>
  <si>
    <t>07/29/2017 12:00:00 AM</t>
  </si>
  <si>
    <t>07/30/2017 12:00:00 AM</t>
  </si>
  <si>
    <t>07/31/2017 12:00:00 AM</t>
  </si>
  <si>
    <t>08/01/2017 12:00:00 AM</t>
  </si>
  <si>
    <t>08/02/2017 12:00:00 AM</t>
  </si>
  <si>
    <t>08/03/2017 12:00:00 AM</t>
  </si>
  <si>
    <t>08/04/2017 12:00:00 AM</t>
  </si>
  <si>
    <t>08/05/2017 12:00:00 AM</t>
  </si>
  <si>
    <t>08/06/2017 12:00:00 AM</t>
  </si>
  <si>
    <t>08/07/2017 12:00:00 AM</t>
  </si>
  <si>
    <t>08/08/2017 12:00:00 AM</t>
  </si>
  <si>
    <t>08/09/2017 12:00:00 AM</t>
  </si>
  <si>
    <t>08/10/2017 12:00:00 AM</t>
  </si>
  <si>
    <t>08/11/2017 12:00:00 AM</t>
  </si>
  <si>
    <t>08/12/2017 12:00:00 AM</t>
  </si>
  <si>
    <t>08/13/2017 12:00:00 AM</t>
  </si>
  <si>
    <t>08/14/2017 12:00:00 AM</t>
  </si>
  <si>
    <t>08/15/2017 12:00:00 AM</t>
  </si>
  <si>
    <t>08/16/2017 12:00:00 AM</t>
  </si>
  <si>
    <t>08/17/2017 12:00:00 AM</t>
  </si>
  <si>
    <t>08/18/2017 12:00:00 AM</t>
  </si>
  <si>
    <t>08/19/2017 12:00:00 AM</t>
  </si>
  <si>
    <t>08/20/2017 12:00:00 AM</t>
  </si>
  <si>
    <t>08/21/2017 12:00:00 AM</t>
  </si>
  <si>
    <t>08/22/2017 12:00:00 AM</t>
  </si>
  <si>
    <t>08/23/2017 12:00:00 AM</t>
  </si>
  <si>
    <t>08/24/2017 12:00:00 AM</t>
  </si>
  <si>
    <t>08/25/2017 12:00:00 AM</t>
  </si>
  <si>
    <t>08/26/2017 12:00:00 AM</t>
  </si>
  <si>
    <t>08/27/2017 12:00:00 AM</t>
  </si>
  <si>
    <t>08/28/2017 12:00:00 AM</t>
  </si>
  <si>
    <t>08/29/2017 12:00:00 AM</t>
  </si>
  <si>
    <t>08/30/2017 12:00:00 AM</t>
  </si>
  <si>
    <t>08/31/2017 12:00:00 AM</t>
  </si>
  <si>
    <t>09/01/2017 12:00:00 AM</t>
  </si>
  <si>
    <t>09/02/2017 12:00:00 AM</t>
  </si>
  <si>
    <t>09/03/2017 12:00:00 AM</t>
  </si>
  <si>
    <t>09/04/2017 12:00:00 AM</t>
  </si>
  <si>
    <t>09/05/2017 12:00:00 AM</t>
  </si>
  <si>
    <t>09/06/2017 12:00:00 AM</t>
  </si>
  <si>
    <t>09/07/2017 12:00:00 AM</t>
  </si>
  <si>
    <t>09/08/2017 12:00:00 AM</t>
  </si>
  <si>
    <t>09/09/2017 12:00:00 AM</t>
  </si>
  <si>
    <t>09/10/2017 12:00:00 AM</t>
  </si>
  <si>
    <t>09/11/2017 12:00:00 AM</t>
  </si>
  <si>
    <t>09/12/2017 12:00:00 AM</t>
  </si>
  <si>
    <t>09/13/2017 12:00:00 AM</t>
  </si>
  <si>
    <t>09/15/2017 12:00:00 AM</t>
  </si>
  <si>
    <t>09/17/2017 12:00:00 AM</t>
  </si>
  <si>
    <t>09/18/2017 12:00:00 AM</t>
  </si>
  <si>
    <t>09/19/2017 12:00:00 AM</t>
  </si>
  <si>
    <t>09/20/2017 12:00:00 AM</t>
  </si>
  <si>
    <t>09/21/2017 12:00:00 AM</t>
  </si>
  <si>
    <t>09/22/2017 12:00:00 AM</t>
  </si>
  <si>
    <t>09/23/2017 12:00:00 AM</t>
  </si>
  <si>
    <t>09/24/2017 12:00:00 AM</t>
  </si>
  <si>
    <t>09/25/2017 12:00:00 AM</t>
  </si>
  <si>
    <t>09/26/2017 12:00:00 AM</t>
  </si>
  <si>
    <t>09/27/2017 12:00:00 AM</t>
  </si>
  <si>
    <t>09/28/2017 12:00:00 AM</t>
  </si>
  <si>
    <t>09/29/2017 12:00:00 AM</t>
  </si>
  <si>
    <t>09/30/2017 12:00:00 AM</t>
  </si>
  <si>
    <t>10/01/2017 12:00:00 AM</t>
  </si>
  <si>
    <t>10/02/2017 12:00:00 AM</t>
  </si>
  <si>
    <t>10/03/2017 12:00:00 AM</t>
  </si>
  <si>
    <t>10/04/2017 12:00:00 AM</t>
  </si>
  <si>
    <t>10/05/2017 12:00:00 AM</t>
  </si>
  <si>
    <t>10/06/2017 12:00:00 AM</t>
  </si>
  <si>
    <t>10/07/2017 12:00:00 AM</t>
  </si>
  <si>
    <t>10/08/2017 12:00:00 AM</t>
  </si>
  <si>
    <t>10/09/2017 12:00:00 AM</t>
  </si>
  <si>
    <t>10/10/2017 12:00:00 AM</t>
  </si>
  <si>
    <t>10/11/2017 12:00:00 AM</t>
  </si>
  <si>
    <t>10/12/2017 12:00:00 AM</t>
  </si>
  <si>
    <t>10/13/2017 12:00:00 AM</t>
  </si>
  <si>
    <t>10/14/2017 12:00:00 AM</t>
  </si>
  <si>
    <t>10/15/2017 12:00:00 AM</t>
  </si>
  <si>
    <t>10/16/2017 12:00:00 AM</t>
  </si>
  <si>
    <t>10/17/2017 12:00:00 AM</t>
  </si>
  <si>
    <t>10/18/2017 12:00:00 AM</t>
  </si>
  <si>
    <t>10/19/2017 12:00:00 AM</t>
  </si>
  <si>
    <t>10/20/2017 12:00:00 AM</t>
  </si>
  <si>
    <t>10/21/2017 12:00:00 AM</t>
  </si>
  <si>
    <t>10/22/2017 12:00:00 AM</t>
  </si>
  <si>
    <t>10/23/2017 12:00:00 AM</t>
  </si>
  <si>
    <t>10/24/2017 12:00:00 AM</t>
  </si>
  <si>
    <t>599.1</t>
  </si>
  <si>
    <t>10/25/2017 12:00:00 AM</t>
  </si>
  <si>
    <t>10/26/2017 12:00:00 AM</t>
  </si>
  <si>
    <t>10/27/2017 12:00:00 AM</t>
  </si>
  <si>
    <t>10/28/2017 12:00:00 AM</t>
  </si>
  <si>
    <t>10/29/2017 12:00:00 AM</t>
  </si>
  <si>
    <t>10/30/2017 12:00:00 AM</t>
  </si>
  <si>
    <t>10/31/2017 12:00:00 AM</t>
  </si>
  <si>
    <t>11/01/2017 12:00:00 AM</t>
  </si>
  <si>
    <t>11/02/2017 12:00:00 AM</t>
  </si>
  <si>
    <t>11/03/2017 12:00:00 AM</t>
  </si>
  <si>
    <t>11/04/2017 12:00:00 AM</t>
  </si>
  <si>
    <t>11/05/2017 12:00:00 AM</t>
  </si>
  <si>
    <t>11/06/2017 12:00:00 AM</t>
  </si>
  <si>
    <t>11/07/2017 12:00:00 AM</t>
  </si>
  <si>
    <t>11/08/2017 12:00:00 AM</t>
  </si>
  <si>
    <t>11/09/2017 12:00:00 AM</t>
  </si>
  <si>
    <t>11/10/2017 12:00:00 AM</t>
  </si>
  <si>
    <t>11/11/2017 12:00:00 AM</t>
  </si>
  <si>
    <t>11/12/2017 12:00:00 AM</t>
  </si>
  <si>
    <t>11/13/2017 12:00:00 AM</t>
  </si>
  <si>
    <t>11/14/2017 12:00:00 AM</t>
  </si>
  <si>
    <t>11/15/2017 12:00:00 AM</t>
  </si>
  <si>
    <t>11/16/2017 12:00:00 AM</t>
  </si>
  <si>
    <t>11/17/2017 12:00:00 AM</t>
  </si>
  <si>
    <t>11/18/2017 12:00:00 AM</t>
  </si>
  <si>
    <t>11/19/2017 12:00:00 AM</t>
  </si>
  <si>
    <t>11/20/2017 12:00:00 AM</t>
  </si>
  <si>
    <t>11/21/2017 12:00:00 AM</t>
  </si>
  <si>
    <t>11/22/2017 12:00:00 AM</t>
  </si>
  <si>
    <t>11/23/2017 12:00:00 AM</t>
  </si>
  <si>
    <t>11/24/2017 12:00:00 AM</t>
  </si>
  <si>
    <t>11/25/2017 12:00:00 AM</t>
  </si>
  <si>
    <t>11/26/2017 12:00:00 AM</t>
  </si>
  <si>
    <t>11/27/2017 12:00:00 AM</t>
  </si>
  <si>
    <t>11/28/2017 12:00:00 AM</t>
  </si>
  <si>
    <t>11/29/2017 12:00:00 AM</t>
  </si>
  <si>
    <t>11/30/2017 12:00:00 AM</t>
  </si>
  <si>
    <t>12/01/2017 12:00:00 AM</t>
  </si>
  <si>
    <t>12/02/2017 12:00:00 AM</t>
  </si>
  <si>
    <t>12/03/2017 12:00:00 AM</t>
  </si>
  <si>
    <t>12/04/2017 12:00:00 AM</t>
  </si>
  <si>
    <t>12/05/2017 12:00:00 AM</t>
  </si>
  <si>
    <t>12/06/2017 12:00:00 AM</t>
  </si>
  <si>
    <t>12/07/2017 12:00:00 AM</t>
  </si>
  <si>
    <t>12/08/2017 12:00:00 AM</t>
  </si>
  <si>
    <t>12/09/2017 12:00:00 AM</t>
  </si>
  <si>
    <t>12/10/2017 12:00:00 AM</t>
  </si>
  <si>
    <t>12/11/2017 12:00:00 AM</t>
  </si>
  <si>
    <t>12/12/2017 12:00:00 AM</t>
  </si>
  <si>
    <t>12/13/2017 12:00:00 AM</t>
  </si>
  <si>
    <t>12/14/2017 12:00:00 AM</t>
  </si>
  <si>
    <t>12/15/2017 12:00:00 AM</t>
  </si>
  <si>
    <t>12/16/2017 12:00:00 AM</t>
  </si>
  <si>
    <t>12/17/2017 12:00:00 AM</t>
  </si>
  <si>
    <t>12/18/2017 12:00:00 AM</t>
  </si>
  <si>
    <t>12/19/2017 12:00:00 AM</t>
  </si>
  <si>
    <t>12/20/2017 12:00:00 AM</t>
  </si>
  <si>
    <t>12/21/2017 12:00:00 AM</t>
  </si>
  <si>
    <t>12/22/2017 12:00:00 AM</t>
  </si>
  <si>
    <t>12/23/2017 12:00:00 AM</t>
  </si>
  <si>
    <t>12/24/2017 12:00:00 AM</t>
  </si>
  <si>
    <t>12/25/2017 12:00:00 AM</t>
  </si>
  <si>
    <t>12/26/2017 12:00:00 AM</t>
  </si>
  <si>
    <t>12/27/2017 12:00:00 AM</t>
  </si>
  <si>
    <t>12/28/2017 12:00:00 AM</t>
  </si>
  <si>
    <t>12/29/2017 12:00:00 AM</t>
  </si>
  <si>
    <t>12/30/2017 12:00:00 AM</t>
  </si>
  <si>
    <t>12/31/2017 12:00:00 AM</t>
  </si>
  <si>
    <t>430.5</t>
  </si>
  <si>
    <t>09/14/2017 12:00:00 AM</t>
  </si>
  <si>
    <t>09/16/2017 12:00:00 AM</t>
  </si>
  <si>
    <t>8200</t>
  </si>
  <si>
    <t>2794</t>
  </si>
  <si>
    <t>37600</t>
  </si>
  <si>
    <t>2896</t>
  </si>
  <si>
    <t>12816</t>
  </si>
  <si>
    <t>8678.7</t>
  </si>
  <si>
    <t>2339</t>
  </si>
  <si>
    <t>76960</t>
  </si>
  <si>
    <t>6705</t>
  </si>
  <si>
    <t>5781</t>
  </si>
  <si>
    <t>38559</t>
  </si>
  <si>
    <t>1674.2</t>
  </si>
  <si>
    <t>44051</t>
  </si>
  <si>
    <t>44721</t>
  </si>
  <si>
    <t>2389</t>
  </si>
  <si>
    <t>5840</t>
  </si>
  <si>
    <t>89300</t>
  </si>
  <si>
    <t>743.1</t>
  </si>
  <si>
    <t>11136</t>
  </si>
  <si>
    <t>5521</t>
  </si>
  <si>
    <t>8674</t>
  </si>
  <si>
    <t>27008</t>
  </si>
  <si>
    <t>2764</t>
  </si>
  <si>
    <t>8032</t>
  </si>
  <si>
    <t>4690</t>
  </si>
  <si>
    <t>15380</t>
  </si>
  <si>
    <t>3418</t>
  </si>
  <si>
    <t>20310</t>
  </si>
  <si>
    <t>1565700</t>
  </si>
  <si>
    <t>45.300000000000004</t>
  </si>
  <si>
    <t>46305</t>
  </si>
  <si>
    <t>5930</t>
  </si>
  <si>
    <t>7000000</t>
  </si>
  <si>
    <t>83.3</t>
  </si>
  <si>
    <t>2088</t>
  </si>
  <si>
    <t>12080</t>
  </si>
  <si>
    <t>12180</t>
  </si>
  <si>
    <t>946240</t>
  </si>
  <si>
    <t>11112</t>
  </si>
  <si>
    <t>325780</t>
  </si>
  <si>
    <t>173120</t>
  </si>
  <si>
    <t>1025000</t>
  </si>
  <si>
    <t>12335</t>
  </si>
  <si>
    <t>13398000</t>
  </si>
  <si>
    <t>517000</t>
  </si>
  <si>
    <t>266713</t>
  </si>
  <si>
    <t>65.6</t>
  </si>
  <si>
    <t>142550</t>
  </si>
  <si>
    <t>7077</t>
  </si>
  <si>
    <t>582745</t>
  </si>
  <si>
    <t>382500</t>
  </si>
  <si>
    <t>159825</t>
  </si>
  <si>
    <t>MURINDÓ</t>
  </si>
  <si>
    <t>49100</t>
  </si>
  <si>
    <t>78445</t>
  </si>
  <si>
    <t>89806</t>
  </si>
  <si>
    <t>3.25</t>
  </si>
  <si>
    <t>108.7</t>
  </si>
  <si>
    <t>11260</t>
  </si>
  <si>
    <t>4791</t>
  </si>
  <si>
    <t>122.10000000000001</t>
  </si>
  <si>
    <t>41.6</t>
  </si>
  <si>
    <t>338980</t>
  </si>
  <si>
    <t>938486</t>
  </si>
  <si>
    <t>16016</t>
  </si>
  <si>
    <t>395076</t>
  </si>
  <si>
    <t>11580</t>
  </si>
  <si>
    <t>103447</t>
  </si>
  <si>
    <t>260430</t>
  </si>
  <si>
    <t>181240</t>
  </si>
  <si>
    <t>477300</t>
  </si>
  <si>
    <t>5323000</t>
  </si>
  <si>
    <t>934000</t>
  </si>
  <si>
    <t>5880000</t>
  </si>
  <si>
    <t>345158</t>
  </si>
  <si>
    <t>294845</t>
  </si>
  <si>
    <t>469040</t>
  </si>
  <si>
    <t>140660</t>
  </si>
  <si>
    <t>66122</t>
  </si>
  <si>
    <t>13062</t>
  </si>
  <si>
    <t>857.5</t>
  </si>
  <si>
    <t>26.2</t>
  </si>
  <si>
    <t>9629</t>
  </si>
  <si>
    <t>2432465</t>
  </si>
  <si>
    <t>124480</t>
  </si>
  <si>
    <t>39559</t>
  </si>
  <si>
    <t>9.700000000000001</t>
  </si>
  <si>
    <t>8170</t>
  </si>
  <si>
    <t>6996</t>
  </si>
  <si>
    <t>11550</t>
  </si>
  <si>
    <t>128420</t>
  </si>
  <si>
    <t>110856</t>
  </si>
  <si>
    <t>50740</t>
  </si>
  <si>
    <t>2131</t>
  </si>
  <si>
    <t>2014</t>
  </si>
  <si>
    <t>158.9</t>
  </si>
  <si>
    <t>41370</t>
  </si>
  <si>
    <t>2034</t>
  </si>
  <si>
    <t>18514</t>
  </si>
  <si>
    <t>351.7</t>
  </si>
  <si>
    <t>153.20000000000002</t>
  </si>
  <si>
    <t>34047</t>
  </si>
  <si>
    <t>141750</t>
  </si>
  <si>
    <t>13180</t>
  </si>
  <si>
    <t>8861</t>
  </si>
  <si>
    <t>6732</t>
  </si>
  <si>
    <t>21950</t>
  </si>
  <si>
    <t>107.5</t>
  </si>
  <si>
    <t>50580</t>
  </si>
  <si>
    <t>32680</t>
  </si>
  <si>
    <t>21054</t>
  </si>
  <si>
    <t>14090</t>
  </si>
  <si>
    <t>4437</t>
  </si>
  <si>
    <t>5544</t>
  </si>
  <si>
    <t>4426</t>
  </si>
  <si>
    <t>3386</t>
  </si>
  <si>
    <t>2731</t>
  </si>
  <si>
    <t>5810</t>
  </si>
  <si>
    <t>329070</t>
  </si>
  <si>
    <t>2851</t>
  </si>
  <si>
    <t>2903</t>
  </si>
  <si>
    <t>6281</t>
  </si>
  <si>
    <t>2559</t>
  </si>
  <si>
    <t>9840</t>
  </si>
  <si>
    <t>29498</t>
  </si>
  <si>
    <t>229.6</t>
  </si>
  <si>
    <t>53520</t>
  </si>
  <si>
    <t>3143</t>
  </si>
  <si>
    <t>20538</t>
  </si>
  <si>
    <t>4973</t>
  </si>
  <si>
    <t>4618</t>
  </si>
  <si>
    <t>308869</t>
  </si>
  <si>
    <t>86742</t>
  </si>
  <si>
    <t>3901</t>
  </si>
  <si>
    <t>68571</t>
  </si>
  <si>
    <t>ESTACION TRANSMILENIO PORTAL AMERICAS</t>
  </si>
  <si>
    <t>188100</t>
  </si>
  <si>
    <t>476.2</t>
  </si>
  <si>
    <t>15376</t>
  </si>
  <si>
    <t>44700</t>
  </si>
  <si>
    <t>181517</t>
  </si>
  <si>
    <t>11097</t>
  </si>
  <si>
    <t>10785</t>
  </si>
  <si>
    <t>232.4</t>
  </si>
  <si>
    <t>4107</t>
  </si>
  <si>
    <t>9425</t>
  </si>
  <si>
    <t>6654</t>
  </si>
  <si>
    <t>ESTACION TRANSMILENIO UNIV. NACIONAL</t>
  </si>
  <si>
    <t>95506</t>
  </si>
  <si>
    <t>224440</t>
  </si>
  <si>
    <t>41614</t>
  </si>
  <si>
    <t>34680</t>
  </si>
  <si>
    <t>80700</t>
  </si>
  <si>
    <t>225490</t>
  </si>
  <si>
    <t>564000</t>
  </si>
  <si>
    <t>406020</t>
  </si>
  <si>
    <t>1891000</t>
  </si>
  <si>
    <t>1649088</t>
  </si>
  <si>
    <t>65152</t>
  </si>
  <si>
    <t>16300</t>
  </si>
  <si>
    <t>83.7</t>
  </si>
  <si>
    <t>844231</t>
  </si>
  <si>
    <t>614035</t>
  </si>
  <si>
    <t>154185</t>
  </si>
  <si>
    <t>20.400000000000002</t>
  </si>
  <si>
    <t>201.20000000000002</t>
  </si>
  <si>
    <t>134.7</t>
  </si>
  <si>
    <t>174.1</t>
  </si>
  <si>
    <t>291.6</t>
  </si>
  <si>
    <t>77363</t>
  </si>
  <si>
    <t>23.900000000000002</t>
  </si>
  <si>
    <t>63.300000000000004</t>
  </si>
  <si>
    <t>21.400000000000002</t>
  </si>
  <si>
    <t>2218</t>
  </si>
  <si>
    <t>10.700000000000001</t>
  </si>
  <si>
    <t>186.8</t>
  </si>
  <si>
    <t>47800</t>
  </si>
  <si>
    <t>11710</t>
  </si>
  <si>
    <t>497990</t>
  </si>
  <si>
    <t>313780</t>
  </si>
  <si>
    <t>427255</t>
  </si>
  <si>
    <t>96839</t>
  </si>
  <si>
    <t>4016</t>
  </si>
  <si>
    <t>14.200000000000001</t>
  </si>
  <si>
    <t>151.1</t>
  </si>
  <si>
    <t>66.5</t>
  </si>
  <si>
    <t>131.4</t>
  </si>
  <si>
    <t>2189</t>
  </si>
  <si>
    <t>IZA</t>
  </si>
  <si>
    <t>37550</t>
  </si>
  <si>
    <t>61035</t>
  </si>
  <si>
    <t>4985</t>
  </si>
  <si>
    <t>25.9</t>
  </si>
  <si>
    <t>36.3</t>
  </si>
  <si>
    <t>80500</t>
  </si>
  <si>
    <t>15740</t>
  </si>
  <si>
    <t>15610</t>
  </si>
  <si>
    <t>3130085</t>
  </si>
  <si>
    <t>44.1</t>
  </si>
  <si>
    <t>53585</t>
  </si>
  <si>
    <t>24775</t>
  </si>
  <si>
    <t>38.800000000000004</t>
  </si>
  <si>
    <t>9570</t>
  </si>
  <si>
    <t>67433</t>
  </si>
  <si>
    <t>48350</t>
  </si>
  <si>
    <t>161300</t>
  </si>
  <si>
    <t>1219000</t>
  </si>
  <si>
    <t>4084</t>
  </si>
  <si>
    <t>66259</t>
  </si>
  <si>
    <t>15055</t>
  </si>
  <si>
    <t>87101</t>
  </si>
  <si>
    <t>22411</t>
  </si>
  <si>
    <t>28864</t>
  </si>
  <si>
    <t>12657</t>
  </si>
  <si>
    <t>19060</t>
  </si>
  <si>
    <t>2242000</t>
  </si>
  <si>
    <t>8067</t>
  </si>
  <si>
    <t>302029</t>
  </si>
  <si>
    <t>41650</t>
  </si>
  <si>
    <t>6522</t>
  </si>
  <si>
    <t>28320</t>
  </si>
  <si>
    <t>8679</t>
  </si>
  <si>
    <t>11960</t>
  </si>
  <si>
    <t>3184</t>
  </si>
  <si>
    <t>88094</t>
  </si>
  <si>
    <t>51530</t>
  </si>
  <si>
    <t>12270</t>
  </si>
  <si>
    <t>381100</t>
  </si>
  <si>
    <t>5285</t>
  </si>
  <si>
    <t>1234600</t>
  </si>
  <si>
    <t>78095</t>
  </si>
  <si>
    <t>96662</t>
  </si>
  <si>
    <t>656179</t>
  </si>
  <si>
    <t>46415</t>
  </si>
  <si>
    <t>24975</t>
  </si>
  <si>
    <t>294480</t>
  </si>
  <si>
    <t>13360</t>
  </si>
  <si>
    <t>221620</t>
  </si>
  <si>
    <t>1204000</t>
  </si>
  <si>
    <t>407000</t>
  </si>
  <si>
    <t>38600</t>
  </si>
  <si>
    <t>182200</t>
  </si>
  <si>
    <t>25598</t>
  </si>
  <si>
    <t>30650</t>
  </si>
  <si>
    <t>57500</t>
  </si>
  <si>
    <t>211550</t>
  </si>
  <si>
    <t>0.85</t>
  </si>
  <si>
    <t>10.200000000000001</t>
  </si>
  <si>
    <t>0.74</t>
  </si>
  <si>
    <t>976.5</t>
  </si>
  <si>
    <t>76851</t>
  </si>
  <si>
    <t>24.200000000000003</t>
  </si>
  <si>
    <t>201054</t>
  </si>
  <si>
    <t>904.7</t>
  </si>
  <si>
    <t>1070000</t>
  </si>
  <si>
    <t>35.2</t>
  </si>
  <si>
    <t>2221</t>
  </si>
  <si>
    <t>69.2</t>
  </si>
  <si>
    <t>6235</t>
  </si>
  <si>
    <t>113251</t>
  </si>
  <si>
    <t>113530</t>
  </si>
  <si>
    <t>13310</t>
  </si>
  <si>
    <t>1094000</t>
  </si>
  <si>
    <t>381000</t>
  </si>
  <si>
    <t>8490</t>
  </si>
  <si>
    <t>26.400000000000002</t>
  </si>
  <si>
    <t>20047</t>
  </si>
  <si>
    <t>6201</t>
  </si>
  <si>
    <t>123250</t>
  </si>
  <si>
    <t>244100</t>
  </si>
  <si>
    <t>137.10000000000002</t>
  </si>
  <si>
    <t>852400</t>
  </si>
  <si>
    <t>0.01</t>
  </si>
  <si>
    <t>543500</t>
  </si>
  <si>
    <t>EL CANTÓN DEL SAN PABLO</t>
  </si>
  <si>
    <t>EL LITORAL DEL SAN JUAN</t>
  </si>
  <si>
    <t>18940</t>
  </si>
  <si>
    <t>1681000</t>
  </si>
  <si>
    <t>596000</t>
  </si>
  <si>
    <t>13530</t>
  </si>
  <si>
    <t>30016</t>
  </si>
  <si>
    <t>SIPÍ</t>
  </si>
  <si>
    <t>1145000</t>
  </si>
  <si>
    <t>15900</t>
  </si>
  <si>
    <t>30.400000000000002</t>
  </si>
  <si>
    <t>14990</t>
  </si>
  <si>
    <t>4767</t>
  </si>
  <si>
    <t>986.3000000000001</t>
  </si>
  <si>
    <t>36.28</t>
  </si>
  <si>
    <t>2178</t>
  </si>
  <si>
    <t>32.2</t>
  </si>
  <si>
    <t>28040</t>
  </si>
  <si>
    <t>25420</t>
  </si>
  <si>
    <t>57.5</t>
  </si>
  <si>
    <t>114090</t>
  </si>
  <si>
    <t>5028</t>
  </si>
  <si>
    <t>253.7</t>
  </si>
  <si>
    <t>32.9</t>
  </si>
  <si>
    <t>129.2</t>
  </si>
  <si>
    <t>90.09</t>
  </si>
  <si>
    <t>55.4</t>
  </si>
  <si>
    <t>60.9</t>
  </si>
  <si>
    <t>31.07</t>
  </si>
  <si>
    <t>334.5</t>
  </si>
  <si>
    <t>791.2</t>
  </si>
  <si>
    <t>114.69999999999999</t>
  </si>
  <si>
    <t>31.900000000000002</t>
  </si>
  <si>
    <t>116.9</t>
  </si>
  <si>
    <t>875.1800000000001</t>
  </si>
  <si>
    <t>53.38</t>
  </si>
  <si>
    <t>113.5</t>
  </si>
  <si>
    <t>32.8</t>
  </si>
  <si>
    <t>1416.1</t>
  </si>
  <si>
    <t>53.730000000000004</t>
  </si>
  <si>
    <t>46.480000000000004</t>
  </si>
  <si>
    <t>376.58</t>
  </si>
  <si>
    <t>47.9</t>
  </si>
  <si>
    <t>7.38</t>
  </si>
  <si>
    <t>4.48</t>
  </si>
  <si>
    <t>4.73</t>
  </si>
  <si>
    <t>3.17</t>
  </si>
  <si>
    <t>20.66</t>
  </si>
  <si>
    <t>361800</t>
  </si>
  <si>
    <t>94750</t>
  </si>
  <si>
    <t>20369</t>
  </si>
  <si>
    <t>12480</t>
  </si>
  <si>
    <t>144800</t>
  </si>
  <si>
    <t>70.04</t>
  </si>
  <si>
    <t>170.20000000000002</t>
  </si>
  <si>
    <t>40.51</t>
  </si>
  <si>
    <t>11050</t>
  </si>
  <si>
    <t>1238400</t>
  </si>
  <si>
    <t>5.12</t>
  </si>
  <si>
    <t>66.1</t>
  </si>
  <si>
    <t>394.05</t>
  </si>
  <si>
    <t>286.2</t>
  </si>
  <si>
    <t>136.4</t>
  </si>
  <si>
    <t>4245</t>
  </si>
  <si>
    <t>49.300000000000004</t>
  </si>
  <si>
    <t>16055</t>
  </si>
  <si>
    <t>7.640000000000001</t>
  </si>
  <si>
    <t>38.9</t>
  </si>
  <si>
    <t>51.9</t>
  </si>
  <si>
    <t>339000</t>
  </si>
  <si>
    <t>498000</t>
  </si>
  <si>
    <t>796000</t>
  </si>
  <si>
    <t>8.700000000000001</t>
  </si>
  <si>
    <t>307123</t>
  </si>
  <si>
    <t>72420</t>
  </si>
  <si>
    <t>1408000</t>
  </si>
  <si>
    <t>35986</t>
  </si>
  <si>
    <t>1771227</t>
  </si>
  <si>
    <t>217193</t>
  </si>
  <si>
    <t>9370</t>
  </si>
  <si>
    <t>413247</t>
  </si>
  <si>
    <t>67.2</t>
  </si>
  <si>
    <t>92.30000000000001</t>
  </si>
  <si>
    <t>46.800000000000004</t>
  </si>
  <si>
    <t>282000</t>
  </si>
  <si>
    <t>761025</t>
  </si>
  <si>
    <t>887000</t>
  </si>
  <si>
    <t>515000</t>
  </si>
  <si>
    <t>19330</t>
  </si>
  <si>
    <t>4795</t>
  </si>
  <si>
    <t>10830</t>
  </si>
  <si>
    <t>16005</t>
  </si>
  <si>
    <t>39300</t>
  </si>
  <si>
    <t>2192</t>
  </si>
  <si>
    <t>73082</t>
  </si>
  <si>
    <t>15916</t>
  </si>
  <si>
    <t>176953</t>
  </si>
  <si>
    <t>10442</t>
  </si>
  <si>
    <t>100350</t>
  </si>
  <si>
    <t>12050</t>
  </si>
  <si>
    <t>29379</t>
  </si>
  <si>
    <t>2476344</t>
  </si>
  <si>
    <t>8042</t>
  </si>
  <si>
    <t>18543</t>
  </si>
  <si>
    <t>19730</t>
  </si>
  <si>
    <t>13050</t>
  </si>
  <si>
    <t>94000</t>
  </si>
  <si>
    <t>9290</t>
  </si>
  <si>
    <t>24468</t>
  </si>
  <si>
    <t>122251</t>
  </si>
  <si>
    <t>421200</t>
  </si>
  <si>
    <t>401000</t>
  </si>
  <si>
    <t>16700</t>
  </si>
  <si>
    <t>62730</t>
  </si>
  <si>
    <t>91800</t>
  </si>
  <si>
    <t>814000</t>
  </si>
  <si>
    <t>7123</t>
  </si>
  <si>
    <t>31165</t>
  </si>
  <si>
    <t>80592</t>
  </si>
  <si>
    <t>508000</t>
  </si>
  <si>
    <t>2141000</t>
  </si>
  <si>
    <t>383000</t>
  </si>
  <si>
    <t>426000</t>
  </si>
  <si>
    <t>580000</t>
  </si>
  <si>
    <t>1586000</t>
  </si>
  <si>
    <t>2886000</t>
  </si>
  <si>
    <t>1105000</t>
  </si>
  <si>
    <t>667000</t>
  </si>
  <si>
    <t>647000</t>
  </si>
  <si>
    <t>1197000</t>
  </si>
  <si>
    <t>822000</t>
  </si>
  <si>
    <t>834000</t>
  </si>
  <si>
    <t>1588000</t>
  </si>
  <si>
    <t>1089000</t>
  </si>
  <si>
    <t>920000</t>
  </si>
  <si>
    <t>563000</t>
  </si>
  <si>
    <t>201276</t>
  </si>
  <si>
    <t>1742000</t>
  </si>
  <si>
    <t>609877</t>
  </si>
  <si>
    <t>1270000</t>
  </si>
  <si>
    <t>58600</t>
  </si>
  <si>
    <t>209418</t>
  </si>
  <si>
    <t>192.9</t>
  </si>
  <si>
    <t>32.78</t>
  </si>
  <si>
    <t>9.16</t>
  </si>
  <si>
    <t>4.17</t>
  </si>
  <si>
    <t>50.34</t>
  </si>
  <si>
    <t>335000</t>
  </si>
  <si>
    <t>65600</t>
  </si>
  <si>
    <t>183500</t>
  </si>
  <si>
    <t>871320</t>
  </si>
  <si>
    <t>5580</t>
  </si>
  <si>
    <t>4.07</t>
  </si>
  <si>
    <t>133.8</t>
  </si>
  <si>
    <t>9392</t>
  </si>
  <si>
    <t>65303</t>
  </si>
  <si>
    <t>3534.5</t>
  </si>
  <si>
    <t>50100</t>
  </si>
  <si>
    <t>86750</t>
  </si>
  <si>
    <t>19770</t>
  </si>
  <si>
    <t>637294</t>
  </si>
  <si>
    <t>49922</t>
  </si>
  <si>
    <t>6889</t>
  </si>
  <si>
    <t>49850</t>
  </si>
  <si>
    <t>15850</t>
  </si>
  <si>
    <t>19200</t>
  </si>
  <si>
    <t>4824</t>
  </si>
  <si>
    <t>13118</t>
  </si>
  <si>
    <t>9435</t>
  </si>
  <si>
    <t>7508</t>
  </si>
  <si>
    <t>935000</t>
  </si>
  <si>
    <t>5927</t>
  </si>
  <si>
    <t>4659</t>
  </si>
  <si>
    <t>27400</t>
  </si>
  <si>
    <t>37050</t>
  </si>
  <si>
    <t>10358</t>
  </si>
  <si>
    <t>4947</t>
  </si>
  <si>
    <t>59800</t>
  </si>
  <si>
    <t>25240</t>
  </si>
  <si>
    <t>32290</t>
  </si>
  <si>
    <t>13601</t>
  </si>
  <si>
    <t>65312</t>
  </si>
  <si>
    <t>733.2</t>
  </si>
  <si>
    <t>13302</t>
  </si>
  <si>
    <t>729.9</t>
  </si>
  <si>
    <t>5858</t>
  </si>
  <si>
    <t>118200</t>
  </si>
  <si>
    <t>470396</t>
  </si>
  <si>
    <t>65.7</t>
  </si>
  <si>
    <t>282260</t>
  </si>
  <si>
    <t>12.200000000000001</t>
  </si>
  <si>
    <t>211.3</t>
  </si>
  <si>
    <t>54450</t>
  </si>
  <si>
    <t>19.900000000000002</t>
  </si>
  <si>
    <t>72.2</t>
  </si>
  <si>
    <t>21050</t>
  </si>
  <si>
    <t>72.60000000000001</t>
  </si>
  <si>
    <t>39.9</t>
  </si>
  <si>
    <t>92.2</t>
  </si>
  <si>
    <t>1200.2</t>
  </si>
  <si>
    <t>88.3</t>
  </si>
  <si>
    <t>22060</t>
  </si>
  <si>
    <t>1123000</t>
  </si>
  <si>
    <t>513.9</t>
  </si>
  <si>
    <t>3124</t>
  </si>
  <si>
    <t>314.8</t>
  </si>
  <si>
    <t>1222.8</t>
  </si>
  <si>
    <t>900.5</t>
  </si>
  <si>
    <t>28.400000000000002</t>
  </si>
  <si>
    <t>122500</t>
  </si>
  <si>
    <t>91760</t>
  </si>
  <si>
    <t>430.2</t>
  </si>
  <si>
    <t>9125</t>
  </si>
  <si>
    <t>3.75</t>
  </si>
  <si>
    <t>38.4</t>
  </si>
  <si>
    <t>0.98</t>
  </si>
  <si>
    <t>15.700000000000001</t>
  </si>
  <si>
    <t>12.22</t>
  </si>
  <si>
    <t>16.61</t>
  </si>
  <si>
    <t>125.60000000000001</t>
  </si>
  <si>
    <t>28.93</t>
  </si>
  <si>
    <t>25.61</t>
  </si>
  <si>
    <t>13975</t>
  </si>
  <si>
    <t>393734</t>
  </si>
  <si>
    <t>806.2</t>
  </si>
  <si>
    <t>32.6</t>
  </si>
  <si>
    <t>30.900000000000002</t>
  </si>
  <si>
    <t>13.900000000000002</t>
  </si>
  <si>
    <t>15.8</t>
  </si>
  <si>
    <t>37.9</t>
  </si>
  <si>
    <t>15.200000000000001</t>
  </si>
  <si>
    <t>13.200000000000001</t>
  </si>
  <si>
    <t>23.8</t>
  </si>
  <si>
    <t>518.3</t>
  </si>
  <si>
    <t>14.700000000000001</t>
  </si>
  <si>
    <t>201.70000000000002</t>
  </si>
  <si>
    <t>242.5</t>
  </si>
  <si>
    <t>1466.7</t>
  </si>
  <si>
    <t>530.9</t>
  </si>
  <si>
    <t>511.2</t>
  </si>
  <si>
    <t>97.8</t>
  </si>
  <si>
    <t>83.80000000000001</t>
  </si>
  <si>
    <t>3292.6</t>
  </si>
  <si>
    <t>182.3</t>
  </si>
  <si>
    <t>1235430</t>
  </si>
  <si>
    <t>91.3</t>
  </si>
  <si>
    <t>700.2</t>
  </si>
  <si>
    <t>91.6</t>
  </si>
  <si>
    <t>670.9</t>
  </si>
  <si>
    <t>85.7</t>
  </si>
  <si>
    <t>50.9</t>
  </si>
  <si>
    <t>94.2</t>
  </si>
  <si>
    <t>75.10000000000001</t>
  </si>
  <si>
    <t>439.6</t>
  </si>
  <si>
    <t>2354</t>
  </si>
  <si>
    <t>737880</t>
  </si>
  <si>
    <t>474.3</t>
  </si>
  <si>
    <t>109.60000000000001</t>
  </si>
  <si>
    <t>25.900000000000002</t>
  </si>
  <si>
    <t>94.10000000000001</t>
  </si>
  <si>
    <t>44890</t>
  </si>
  <si>
    <t>106.7</t>
  </si>
  <si>
    <t>25478</t>
  </si>
  <si>
    <t>30.8</t>
  </si>
  <si>
    <t>40.300000000000004</t>
  </si>
  <si>
    <t>12.700000000000001</t>
  </si>
  <si>
    <t>369000</t>
  </si>
  <si>
    <t>83.60000000000001</t>
  </si>
  <si>
    <t>36.300000000000004</t>
  </si>
  <si>
    <t>225.6</t>
  </si>
  <si>
    <t>9.200000000000001</t>
  </si>
  <si>
    <t>177.6</t>
  </si>
  <si>
    <t>144648</t>
  </si>
  <si>
    <t>66.8</t>
  </si>
  <si>
    <t>29100</t>
  </si>
  <si>
    <t>48574</t>
  </si>
  <si>
    <t>206280</t>
  </si>
  <si>
    <t>48216</t>
  </si>
  <si>
    <t>74890</t>
  </si>
  <si>
    <t>11078</t>
  </si>
  <si>
    <t>15707</t>
  </si>
  <si>
    <t>19813</t>
  </si>
  <si>
    <t>12766</t>
  </si>
  <si>
    <t>22600</t>
  </si>
  <si>
    <t>44140</t>
  </si>
  <si>
    <t>36750</t>
  </si>
  <si>
    <t>26025</t>
  </si>
  <si>
    <t>5341</t>
  </si>
  <si>
    <t>9530</t>
  </si>
  <si>
    <t>80441</t>
  </si>
  <si>
    <t>74802</t>
  </si>
  <si>
    <t>51190</t>
  </si>
  <si>
    <t>131001</t>
  </si>
  <si>
    <t>56600</t>
  </si>
  <si>
    <t>125346</t>
  </si>
  <si>
    <t>211300</t>
  </si>
  <si>
    <t>82981</t>
  </si>
  <si>
    <t>413413</t>
  </si>
  <si>
    <t>36032</t>
  </si>
  <si>
    <t>1084000</t>
  </si>
  <si>
    <t>1301000</t>
  </si>
  <si>
    <t>1054350</t>
  </si>
  <si>
    <t>66180</t>
  </si>
  <si>
    <t>23023</t>
  </si>
  <si>
    <t>204408</t>
  </si>
  <si>
    <t>251270</t>
  </si>
  <si>
    <t>166166</t>
  </si>
  <si>
    <t>39920</t>
  </si>
  <si>
    <t>99600</t>
  </si>
  <si>
    <t>115420</t>
  </si>
  <si>
    <t>1044000</t>
  </si>
  <si>
    <t>1517000</t>
  </si>
  <si>
    <t>869000</t>
  </si>
  <si>
    <t>1558000</t>
  </si>
  <si>
    <t>1285700</t>
  </si>
  <si>
    <t>400416</t>
  </si>
  <si>
    <t>400545</t>
  </si>
  <si>
    <t>621860</t>
  </si>
  <si>
    <t>90360</t>
  </si>
  <si>
    <t>24200</t>
  </si>
  <si>
    <t>502450</t>
  </si>
  <si>
    <t>11490</t>
  </si>
  <si>
    <t>27.900000000000002</t>
  </si>
  <si>
    <t>18.8</t>
  </si>
  <si>
    <t>17.400000000000002</t>
  </si>
  <si>
    <t>84.2</t>
  </si>
  <si>
    <t>51.1</t>
  </si>
  <si>
    <t>71460</t>
  </si>
  <si>
    <t>50.300000000000004</t>
  </si>
  <si>
    <t>6240</t>
  </si>
  <si>
    <t>80.2</t>
  </si>
  <si>
    <t>19.200000000000003</t>
  </si>
  <si>
    <t>26.200000000000003</t>
  </si>
  <si>
    <t>86014</t>
  </si>
  <si>
    <t>12959</t>
  </si>
  <si>
    <t>1909</t>
  </si>
  <si>
    <t>6466</t>
  </si>
  <si>
    <t>6883</t>
  </si>
  <si>
    <t>293000</t>
  </si>
  <si>
    <t>11907</t>
  </si>
  <si>
    <t>1553030</t>
  </si>
  <si>
    <t>6830</t>
  </si>
  <si>
    <t>34100</t>
  </si>
  <si>
    <t>17196</t>
  </si>
  <si>
    <t>133237</t>
  </si>
  <si>
    <t>4038</t>
  </si>
  <si>
    <t>262005</t>
  </si>
  <si>
    <t>12067</t>
  </si>
  <si>
    <t>51948</t>
  </si>
  <si>
    <t>7346</t>
  </si>
  <si>
    <t>50175</t>
  </si>
  <si>
    <t>6011</t>
  </si>
  <si>
    <t>87061</t>
  </si>
  <si>
    <t>59501</t>
  </si>
  <si>
    <t>3963</t>
  </si>
  <si>
    <t>38765</t>
  </si>
  <si>
    <t>24800</t>
  </si>
  <si>
    <t>25992</t>
  </si>
  <si>
    <t>174000</t>
  </si>
  <si>
    <t>1790000</t>
  </si>
  <si>
    <t>292681</t>
  </si>
  <si>
    <t>29214</t>
  </si>
  <si>
    <t>23065</t>
  </si>
  <si>
    <t>124096</t>
  </si>
  <si>
    <t>71936</t>
  </si>
  <si>
    <t>249700</t>
  </si>
  <si>
    <t>18935</t>
  </si>
  <si>
    <t>6271</t>
  </si>
  <si>
    <t>142932</t>
  </si>
  <si>
    <t>224848</t>
  </si>
  <si>
    <t>380599</t>
  </si>
  <si>
    <t>40073</t>
  </si>
  <si>
    <t>81800</t>
  </si>
  <si>
    <t>80390</t>
  </si>
  <si>
    <t>14530</t>
  </si>
  <si>
    <t>4826</t>
  </si>
  <si>
    <t>5247</t>
  </si>
  <si>
    <t>4402</t>
  </si>
  <si>
    <t>1105520</t>
  </si>
  <si>
    <t>15771</t>
  </si>
  <si>
    <t>9007</t>
  </si>
  <si>
    <t>10765</t>
  </si>
  <si>
    <t>10885</t>
  </si>
  <si>
    <t>31900</t>
  </si>
  <si>
    <t>33800</t>
  </si>
  <si>
    <t>38.400000000000006</t>
  </si>
  <si>
    <t>3859.8</t>
  </si>
  <si>
    <t>186.20000000000002</t>
  </si>
  <si>
    <t>4976</t>
  </si>
  <si>
    <t>19820</t>
  </si>
  <si>
    <t>1262356</t>
  </si>
  <si>
    <t>5048</t>
  </si>
  <si>
    <t>94.9</t>
  </si>
  <si>
    <t>196924</t>
  </si>
  <si>
    <t>572675</t>
  </si>
  <si>
    <t>ALOJAMIENTO</t>
  </si>
  <si>
    <t>551.5</t>
  </si>
  <si>
    <t>64379</t>
  </si>
  <si>
    <t>178521</t>
  </si>
  <si>
    <t>148775</t>
  </si>
  <si>
    <t>01/02/2017 12:00:00 AM</t>
  </si>
  <si>
    <t>01/03/2017 12:00:00 AM</t>
  </si>
  <si>
    <t>01/04/2017 12:00:00 AM</t>
  </si>
  <si>
    <t>01/05/2017 12:00:00 AM</t>
  </si>
  <si>
    <t>01/06/2017 12:00:00 AM</t>
  </si>
  <si>
    <t>01/07/2017 12:00:00 AM</t>
  </si>
  <si>
    <t>01/08/2017 12:00:00 AM</t>
  </si>
  <si>
    <t>01/09/2017 12:00:00 AM</t>
  </si>
  <si>
    <t>01/10/2017 12:00:00 AM</t>
  </si>
  <si>
    <t>3238</t>
  </si>
  <si>
    <t>01/11/2017 12:00:00 AM</t>
  </si>
  <si>
    <t>01/12/2017 12:00:00 AM</t>
  </si>
  <si>
    <t>01/13/2017 12:00:00 AM</t>
  </si>
  <si>
    <t>01/14/2017 12:00:00 AM</t>
  </si>
  <si>
    <t>01/15/2017 12:00:00 AM</t>
  </si>
  <si>
    <t>01/16/2017 12:00:00 AM</t>
  </si>
  <si>
    <t>01/17/2017 12:00:00 AM</t>
  </si>
  <si>
    <t>01/18/2017 12:00:00 AM</t>
  </si>
  <si>
    <t>01/19/2017 12:00:00 AM</t>
  </si>
  <si>
    <t>01/20/2017 12:00:00 AM</t>
  </si>
  <si>
    <t>01/21/2017 12:00:00 AM</t>
  </si>
  <si>
    <t>01/22/2017 12:00:00 AM</t>
  </si>
  <si>
    <t>01/23/2017 12:00:00 AM</t>
  </si>
  <si>
    <t>01/24/2017 12:00:00 AM</t>
  </si>
  <si>
    <t>01/25/2017 12:00:00 AM</t>
  </si>
  <si>
    <t>01/26/2017 12:00:00 AM</t>
  </si>
  <si>
    <t>01/27/2017 12:00:00 AM</t>
  </si>
  <si>
    <t>01/28/2017 12:00:00 AM</t>
  </si>
  <si>
    <t>01/29/2017 12:00:00 AM</t>
  </si>
  <si>
    <t>01/30/2017 12:00:00 AM</t>
  </si>
  <si>
    <t>01/31/2017 12:00:00 AM</t>
  </si>
  <si>
    <t>02/01/2017 12:00:00 AM</t>
  </si>
  <si>
    <t>SANT. DE FAUNA Y FLORA OTUN-QUIMBAYA</t>
  </si>
  <si>
    <t>02/02/2017 12:00:00 AM</t>
  </si>
  <si>
    <t>02/03/2017 12:00:00 AM</t>
  </si>
  <si>
    <t>1514.6</t>
  </si>
  <si>
    <t>02/04/2017 12:00:00 AM</t>
  </si>
  <si>
    <t>02/05/2017 12:00:00 AM</t>
  </si>
  <si>
    <t>02/06/2017 12:00:00 AM</t>
  </si>
  <si>
    <t>02/07/2017 12:00:00 AM</t>
  </si>
  <si>
    <t>02/08/2017 12:00:00 AM</t>
  </si>
  <si>
    <t>02/09/2017 12:00:00 AM</t>
  </si>
  <si>
    <t>02/10/2017 12:00:00 AM</t>
  </si>
  <si>
    <t>02/11/2017 12:00:00 AM</t>
  </si>
  <si>
    <t>02/12/2017 12:00:00 AM</t>
  </si>
  <si>
    <t>02/13/2017 12:00:00 AM</t>
  </si>
  <si>
    <t>02/14/2017 12:00:00 AM</t>
  </si>
  <si>
    <t>02/15/2017 12:00:00 AM</t>
  </si>
  <si>
    <t>02/16/2017 12:00:00 AM</t>
  </si>
  <si>
    <t>02/17/2017 12:00:00 AM</t>
  </si>
  <si>
    <t>02/18/2017 12:00:00 AM</t>
  </si>
  <si>
    <t>02/19/2017 12:00:00 AM</t>
  </si>
  <si>
    <t>INSTALACIONES DAS</t>
  </si>
  <si>
    <t>02/20/2017 12:00:00 AM</t>
  </si>
  <si>
    <t>02/21/2017 12:00:00 AM</t>
  </si>
  <si>
    <t>02/22/2017 12:00:00 AM</t>
  </si>
  <si>
    <t>02/23/2017 12:00:00 AM</t>
  </si>
  <si>
    <t>02/24/2017 12:00:00 AM</t>
  </si>
  <si>
    <t>02/25/2017 12:00:00 AM</t>
  </si>
  <si>
    <t>02/26/2017 12:00:00 AM</t>
  </si>
  <si>
    <t>02/27/2017 12:00:00 AM</t>
  </si>
  <si>
    <t>02/28/2017 12:00:00 AM</t>
  </si>
  <si>
    <t>03/01/2017 12:00:00 AM</t>
  </si>
  <si>
    <t>03/02/2017 12:00:00 AM</t>
  </si>
  <si>
    <t>03/03/2017 12:00:00 AM</t>
  </si>
  <si>
    <t>03/04/2017 12:00:00 AM</t>
  </si>
  <si>
    <t>03/05/2017 12:00:00 AM</t>
  </si>
  <si>
    <t>03/06/2017 12:00:00 AM</t>
  </si>
  <si>
    <t>03/07/2017 12:00:00 AM</t>
  </si>
  <si>
    <t>2476</t>
  </si>
  <si>
    <t>03/08/2017 12:00:00 AM</t>
  </si>
  <si>
    <t>03/09/2017 12:00:00 AM</t>
  </si>
  <si>
    <t>03/10/2017 12:00:00 AM</t>
  </si>
  <si>
    <t>03/11/2017 12:00:00 AM</t>
  </si>
  <si>
    <t>03/12/2017 12:00:00 AM</t>
  </si>
  <si>
    <t>03/13/2017 12:00:00 AM</t>
  </si>
  <si>
    <t>03/14/2017 12:00:00 AM</t>
  </si>
  <si>
    <t>03/15/2017 12:00:00 AM</t>
  </si>
  <si>
    <t>03/16/2017 12:00:00 AM</t>
  </si>
  <si>
    <t>03/17/2017 12:00:00 AM</t>
  </si>
  <si>
    <t>03/18/2017 12:00:00 AM</t>
  </si>
  <si>
    <t>03/19/2017 12:00:00 AM</t>
  </si>
  <si>
    <t>03/20/2017 12:00:00 AM</t>
  </si>
  <si>
    <t>03/21/2017 12:00:00 AM</t>
  </si>
  <si>
    <t>03/22/2017 12:00:00 AM</t>
  </si>
  <si>
    <t>03/23/2017 12:00:00 AM</t>
  </si>
  <si>
    <t>03/24/2017 12:00:00 AM</t>
  </si>
  <si>
    <t>03/25/2017 12:00:00 AM</t>
  </si>
  <si>
    <t>03/26/2017 12:00:00 AM</t>
  </si>
  <si>
    <t>03/27/2017 12:00:00 AM</t>
  </si>
  <si>
    <t>03/28/2017 12:00:00 AM</t>
  </si>
  <si>
    <t>03/29/2017 12:00:00 AM</t>
  </si>
  <si>
    <t>03/30/2017 12:00:00 AM</t>
  </si>
  <si>
    <t>915.8</t>
  </si>
  <si>
    <t>03/31/2017 12:00:00 AM</t>
  </si>
  <si>
    <t>04/01/2017 12:00:00 AM</t>
  </si>
  <si>
    <t>04/02/2017 12:00:00 AM</t>
  </si>
  <si>
    <t>688.5</t>
  </si>
  <si>
    <t>04/03/2017 12:00:00 AM</t>
  </si>
  <si>
    <t>04/04/2017 12:00:00 AM</t>
  </si>
  <si>
    <t>04/05/2017 12:00:00 AM</t>
  </si>
  <si>
    <t>786.5</t>
  </si>
  <si>
    <t>04/06/2017 12:00:00 AM</t>
  </si>
  <si>
    <t>04/07/2017 12:00:00 AM</t>
  </si>
  <si>
    <t>04/08/2017 12:00:00 AM</t>
  </si>
  <si>
    <t>04/09/2017 12:00:00 AM</t>
  </si>
  <si>
    <t>04/10/2017 12:00:00 AM</t>
  </si>
  <si>
    <t>04/11/2017 12:00:00 AM</t>
  </si>
  <si>
    <t>04/12/2017 12:00:00 AM</t>
  </si>
  <si>
    <t>04/13/2017 12:00:00 AM</t>
  </si>
  <si>
    <t>04/14/2017 12:00:00 AM</t>
  </si>
  <si>
    <t>04/15/2017 12:00:00 AM</t>
  </si>
  <si>
    <t>04/16/2017 12:00:00 AM</t>
  </si>
  <si>
    <t>04/17/2017 12:00:00 AM</t>
  </si>
  <si>
    <t>04/18/2017 12:00:00 AM</t>
  </si>
  <si>
    <t>04/19/2017 12:00:00 AM</t>
  </si>
  <si>
    <t>04/20/2017 12:00:00 AM</t>
  </si>
  <si>
    <t>04/21/2017 12:00:00 AM</t>
  </si>
  <si>
    <t>04/22/2017 12:00:00 AM</t>
  </si>
  <si>
    <t>04/23/2017 12:00:00 AM</t>
  </si>
  <si>
    <t>04/24/2017 12:00:00 AM</t>
  </si>
  <si>
    <t>04/25/2017 12:00:00 AM</t>
  </si>
  <si>
    <t>04/26/2017 12:00:00 AM</t>
  </si>
  <si>
    <t>04/27/2017 12:00:00 AM</t>
  </si>
  <si>
    <t>369.3</t>
  </si>
  <si>
    <t>04/28/2017 12:00:00 AM</t>
  </si>
  <si>
    <t>04/29/2017 12:00:00 AM</t>
  </si>
  <si>
    <t>04/30/2017 12:00:00 AM</t>
  </si>
  <si>
    <t>05/01/2017 12:00:00 AM</t>
  </si>
  <si>
    <t>05/02/2017 12:00:00 AM</t>
  </si>
  <si>
    <t>05/03/2017 12:00:00 AM</t>
  </si>
  <si>
    <t>05/04/2017 12:00:00 AM</t>
  </si>
  <si>
    <t>05/05/2017 12:00:00 AM</t>
  </si>
  <si>
    <t>05/06/2017 12:00:00 AM</t>
  </si>
  <si>
    <t>05/07/2017 12:00:00 AM</t>
  </si>
  <si>
    <t>05/08/2017 12:00:00 AM</t>
  </si>
  <si>
    <t>05/09/2017 12:00:00 AM</t>
  </si>
  <si>
    <t>05/10/2017 12:00:00 AM</t>
  </si>
  <si>
    <t>05/11/2017 12:00:00 AM</t>
  </si>
  <si>
    <t>05/12/2017 12:00:00 AM</t>
  </si>
  <si>
    <t>05/13/2017 12:00:00 AM</t>
  </si>
  <si>
    <t>05/14/2017 12:00:00 AM</t>
  </si>
  <si>
    <t>05/15/2017 12:00:00 AM</t>
  </si>
  <si>
    <t>05/16/2017 12:00:00 AM</t>
  </si>
  <si>
    <t>05/17/2017 12:00:00 AM</t>
  </si>
  <si>
    <t>05/18/2017 12:00:00 AM</t>
  </si>
  <si>
    <t>05/19/2017 12:00:00 AM</t>
  </si>
  <si>
    <t>05/20/2017 12:00:00 AM</t>
  </si>
  <si>
    <t>05/21/2017 12:00:00 AM</t>
  </si>
  <si>
    <t>05/22/2017 12:00:00 AM</t>
  </si>
  <si>
    <t>05/23/2017 12:00:00 AM</t>
  </si>
  <si>
    <t>05/24/2017 12:00:00 AM</t>
  </si>
  <si>
    <t>05/25/2017 12:00:00 AM</t>
  </si>
  <si>
    <t>05/26/2017 12:00:00 AM</t>
  </si>
  <si>
    <t>05/27/2017 12:00:00 AM</t>
  </si>
  <si>
    <t>05/28/2017 12:00:00 AM</t>
  </si>
  <si>
    <t>05/29/2017 12:00:00 AM</t>
  </si>
  <si>
    <t>05/30/2017 12:00:00 AM</t>
  </si>
  <si>
    <t>05/31/2017 12:00:00 AM</t>
  </si>
  <si>
    <t>06/01/2017 12:00:00 AM</t>
  </si>
  <si>
    <t>06/02/2017 12:00:00 AM</t>
  </si>
  <si>
    <t>06/03/2017 12:00:00 AM</t>
  </si>
  <si>
    <t>06/04/2017 12:00:00 AM</t>
  </si>
  <si>
    <t>06/05/2017 12:00:00 AM</t>
  </si>
  <si>
    <t>3819</t>
  </si>
  <si>
    <t>06/06/2017 12:00:00 AM</t>
  </si>
  <si>
    <t>06/07/2017 12:00:00 AM</t>
  </si>
  <si>
    <t>06/08/2017 12:00:00 AM</t>
  </si>
  <si>
    <t>06/09/2017 12:00:00 AM</t>
  </si>
  <si>
    <t>06/10/2017 12:00:00 AM</t>
  </si>
  <si>
    <t>638.5</t>
  </si>
  <si>
    <t>06/11/2017 12:00:00 AM</t>
  </si>
  <si>
    <t>06/12/2017 12:00:00 AM</t>
  </si>
  <si>
    <t>06/13/2017 12:00:00 AM</t>
  </si>
  <si>
    <t>06/14/2017 12:00:00 AM</t>
  </si>
  <si>
    <t>06/15/2017 12:00:00 AM</t>
  </si>
  <si>
    <t>06/16/2017 12:00:00 AM</t>
  </si>
  <si>
    <t>06/17/2017 12:00:00 AM</t>
  </si>
  <si>
    <t>06/18/2017 12:00:00 AM</t>
  </si>
  <si>
    <t>06/19/2017 12:00:00 AM</t>
  </si>
  <si>
    <t>06/20/2017 12:00:00 AM</t>
  </si>
  <si>
    <t>06/21/2017 12:00:00 AM</t>
  </si>
  <si>
    <t>06/22/2017 12:00:00 AM</t>
  </si>
  <si>
    <t>06/23/2017 12:00:00 AM</t>
  </si>
  <si>
    <t>06/24/2017 12:00:00 AM</t>
  </si>
  <si>
    <t>06/25/2017 12:00:00 AM</t>
  </si>
  <si>
    <t>06/26/2017 12:00:00 AM</t>
  </si>
  <si>
    <t>06/27/2017 12:00:00 AM</t>
  </si>
  <si>
    <t>06/28/2017 12:00:00 AM</t>
  </si>
  <si>
    <t>06/29/2017 12:00:00 AM</t>
  </si>
  <si>
    <t>06/30/2017 12:00:00 AM</t>
  </si>
  <si>
    <t>798.8</t>
  </si>
  <si>
    <t>01/01/2017 12:00:00 AM</t>
  </si>
  <si>
    <t>358.3</t>
  </si>
  <si>
    <t>54083</t>
  </si>
  <si>
    <t>736.2</t>
  </si>
  <si>
    <t>5071</t>
  </si>
  <si>
    <t>6435</t>
  </si>
  <si>
    <t>16819</t>
  </si>
  <si>
    <t>6091</t>
  </si>
  <si>
    <t>6393</t>
  </si>
  <si>
    <t>3880340</t>
  </si>
  <si>
    <t>24087</t>
  </si>
  <si>
    <t>4974</t>
  </si>
  <si>
    <t>1626</t>
  </si>
  <si>
    <t>41266</t>
  </si>
  <si>
    <t>14534</t>
  </si>
  <si>
    <t>33808</t>
  </si>
  <si>
    <t>151151</t>
  </si>
  <si>
    <t>16614</t>
  </si>
  <si>
    <t>205261</t>
  </si>
  <si>
    <t>25902</t>
  </si>
  <si>
    <t>2777</t>
  </si>
  <si>
    <t>6718</t>
  </si>
  <si>
    <t>2358</t>
  </si>
  <si>
    <t>6631</t>
  </si>
  <si>
    <t>3382</t>
  </si>
  <si>
    <t>15732</t>
  </si>
  <si>
    <t>2752.9</t>
  </si>
  <si>
    <t>5037.4</t>
  </si>
  <si>
    <t>718.9</t>
  </si>
  <si>
    <t>7935</t>
  </si>
  <si>
    <t>448552</t>
  </si>
  <si>
    <t>747.5</t>
  </si>
  <si>
    <t>544.3</t>
  </si>
  <si>
    <t>6553</t>
  </si>
  <si>
    <t>34294</t>
  </si>
  <si>
    <t>1288.8</t>
  </si>
  <si>
    <t>19536</t>
  </si>
  <si>
    <t>51548</t>
  </si>
  <si>
    <t>344174</t>
  </si>
  <si>
    <t>9160</t>
  </si>
  <si>
    <t>27384</t>
  </si>
  <si>
    <t>853.5</t>
  </si>
  <si>
    <t>60755</t>
  </si>
  <si>
    <t>53050</t>
  </si>
  <si>
    <t>157540</t>
  </si>
  <si>
    <t>22473</t>
  </si>
  <si>
    <t>5294</t>
  </si>
  <si>
    <t>857502</t>
  </si>
  <si>
    <t>1124200</t>
  </si>
  <si>
    <t>141.4</t>
  </si>
  <si>
    <t>447.2</t>
  </si>
  <si>
    <t>98458</t>
  </si>
  <si>
    <t>FRUTERIA</t>
  </si>
  <si>
    <t>79.9</t>
  </si>
  <si>
    <t>74.3</t>
  </si>
  <si>
    <t>92.7</t>
  </si>
  <si>
    <t>72.3</t>
  </si>
  <si>
    <t>74060</t>
  </si>
  <si>
    <t>29.6</t>
  </si>
  <si>
    <t>43.300000000000004</t>
  </si>
  <si>
    <t>12440</t>
  </si>
  <si>
    <t>6.800000000000001</t>
  </si>
  <si>
    <t>211.94</t>
  </si>
  <si>
    <t>3782</t>
  </si>
  <si>
    <t>46.2</t>
  </si>
  <si>
    <t>1187000</t>
  </si>
  <si>
    <t>5017</t>
  </si>
  <si>
    <t>13520</t>
  </si>
  <si>
    <t>761875</t>
  </si>
  <si>
    <t>39689</t>
  </si>
  <si>
    <t>228977</t>
  </si>
  <si>
    <t>69210</t>
  </si>
  <si>
    <t>59150</t>
  </si>
  <si>
    <t>608.5</t>
  </si>
  <si>
    <t>4818</t>
  </si>
  <si>
    <t>64318</t>
  </si>
  <si>
    <t>151.10000000000002</t>
  </si>
  <si>
    <t>457822</t>
  </si>
  <si>
    <t>5507</t>
  </si>
  <si>
    <t>53313</t>
  </si>
  <si>
    <t>6184770</t>
  </si>
  <si>
    <t>87987</t>
  </si>
  <si>
    <t>163.5</t>
  </si>
  <si>
    <t>77.2</t>
  </si>
  <si>
    <t>189003</t>
  </si>
  <si>
    <t>17900</t>
  </si>
  <si>
    <t>7452</t>
  </si>
  <si>
    <t>230790</t>
  </si>
  <si>
    <t>42.300000000000004</t>
  </si>
  <si>
    <t>2068.9</t>
  </si>
  <si>
    <t>340.5</t>
  </si>
  <si>
    <t>6480</t>
  </si>
  <si>
    <t>3793</t>
  </si>
  <si>
    <t>3506</t>
  </si>
  <si>
    <t>10788.8</t>
  </si>
  <si>
    <t>21144</t>
  </si>
  <si>
    <t>148.6</t>
  </si>
  <si>
    <t>12143</t>
  </si>
  <si>
    <t>12541</t>
  </si>
  <si>
    <t>48030</t>
  </si>
  <si>
    <t>53284</t>
  </si>
  <si>
    <t>4907</t>
  </si>
  <si>
    <t>34150</t>
  </si>
  <si>
    <t>20810</t>
  </si>
  <si>
    <t>8388</t>
  </si>
  <si>
    <t>4370</t>
  </si>
  <si>
    <t>21.8</t>
  </si>
  <si>
    <t>5990</t>
  </si>
  <si>
    <t>77200</t>
  </si>
  <si>
    <t>35.300000000000004</t>
  </si>
  <si>
    <t>15710</t>
  </si>
  <si>
    <t>16894</t>
  </si>
  <si>
    <t>11.200000000000001</t>
  </si>
  <si>
    <t>126.70000000000002</t>
  </si>
  <si>
    <t>58.5</t>
  </si>
  <si>
    <t>4131.5</t>
  </si>
  <si>
    <t>11100</t>
  </si>
  <si>
    <t>1432.2</t>
  </si>
  <si>
    <t>42.8</t>
  </si>
  <si>
    <t>24327</t>
  </si>
  <si>
    <t>4166</t>
  </si>
  <si>
    <t>700740</t>
  </si>
  <si>
    <t>7665</t>
  </si>
  <si>
    <t>184.70000000000002</t>
  </si>
  <si>
    <t>15124</t>
  </si>
  <si>
    <t>23008</t>
  </si>
  <si>
    <t>5862</t>
  </si>
  <si>
    <t>75460</t>
  </si>
  <si>
    <t>7603</t>
  </si>
  <si>
    <t>2123</t>
  </si>
  <si>
    <t>11544</t>
  </si>
  <si>
    <t>33794</t>
  </si>
  <si>
    <t>7326</t>
  </si>
  <si>
    <t>2947</t>
  </si>
  <si>
    <t>38715</t>
  </si>
  <si>
    <t>219.5</t>
  </si>
  <si>
    <t>476.7</t>
  </si>
  <si>
    <t>7410</t>
  </si>
  <si>
    <t>6389</t>
  </si>
  <si>
    <t>ESTACION TRANSMILENIO SANTA LUCIA</t>
  </si>
  <si>
    <t>527.5</t>
  </si>
  <si>
    <t>11002</t>
  </si>
  <si>
    <t>25097</t>
  </si>
  <si>
    <t>7248</t>
  </si>
  <si>
    <t>349.3</t>
  </si>
  <si>
    <t>3608</t>
  </si>
  <si>
    <t>19545</t>
  </si>
  <si>
    <t>7831</t>
  </si>
  <si>
    <t>756.7</t>
  </si>
  <si>
    <t>3837</t>
  </si>
  <si>
    <t>15495</t>
  </si>
  <si>
    <t>10125</t>
  </si>
  <si>
    <t>14304</t>
  </si>
  <si>
    <t>1190.1</t>
  </si>
  <si>
    <t>8880</t>
  </si>
  <si>
    <t>4816</t>
  </si>
  <si>
    <t>3642.9</t>
  </si>
  <si>
    <t>6518</t>
  </si>
  <si>
    <t>27850</t>
  </si>
  <si>
    <t>1727.5</t>
  </si>
  <si>
    <t>333.3</t>
  </si>
  <si>
    <t>34500</t>
  </si>
  <si>
    <t>16612</t>
  </si>
  <si>
    <t>ESTACION TRANSMILENIO CALLE 72</t>
  </si>
  <si>
    <t>3552</t>
  </si>
  <si>
    <t>3091</t>
  </si>
  <si>
    <t>1683.3000000000002</t>
  </si>
  <si>
    <t>8290</t>
  </si>
  <si>
    <t>INTERIOR VEHICULO SITP</t>
  </si>
  <si>
    <t>46111</t>
  </si>
  <si>
    <t>398000</t>
  </si>
  <si>
    <t>111222</t>
  </si>
  <si>
    <t>326700</t>
  </si>
  <si>
    <t>713420</t>
  </si>
  <si>
    <t>217230</t>
  </si>
  <si>
    <t>14540</t>
  </si>
  <si>
    <t>268000</t>
  </si>
  <si>
    <t>754000</t>
  </si>
  <si>
    <t>351000</t>
  </si>
  <si>
    <t>14004</t>
  </si>
  <si>
    <t>4622</t>
  </si>
  <si>
    <t>992000</t>
  </si>
  <si>
    <t>677545</t>
  </si>
  <si>
    <t>174.5</t>
  </si>
  <si>
    <t>50.5</t>
  </si>
  <si>
    <t>131.9</t>
  </si>
  <si>
    <t>42.7</t>
  </si>
  <si>
    <t>201.45</t>
  </si>
  <si>
    <t>35.4</t>
  </si>
  <si>
    <t>170.60000000000002</t>
  </si>
  <si>
    <t>81.3</t>
  </si>
  <si>
    <t>70.3</t>
  </si>
  <si>
    <t>39.7</t>
  </si>
  <si>
    <t>9.65</t>
  </si>
  <si>
    <t>79.7</t>
  </si>
  <si>
    <t>1631.7</t>
  </si>
  <si>
    <t>140.20000000000002</t>
  </si>
  <si>
    <t>106.4</t>
  </si>
  <si>
    <t>85.2</t>
  </si>
  <si>
    <t>150.4</t>
  </si>
  <si>
    <t>62.1</t>
  </si>
  <si>
    <t>27.12</t>
  </si>
  <si>
    <t>30.6</t>
  </si>
  <si>
    <t>161.2</t>
  </si>
  <si>
    <t>29.900000000000002</t>
  </si>
  <si>
    <t>53.1</t>
  </si>
  <si>
    <t>100.5</t>
  </si>
  <si>
    <t>118.9</t>
  </si>
  <si>
    <t>24.400000000000002</t>
  </si>
  <si>
    <t>190.4</t>
  </si>
  <si>
    <t>13.700000000000001</t>
  </si>
  <si>
    <t>176.6</t>
  </si>
  <si>
    <t>440020</t>
  </si>
  <si>
    <t>681100</t>
  </si>
  <si>
    <t>112.2</t>
  </si>
  <si>
    <t>ALMEIDA</t>
  </si>
  <si>
    <t>31.1</t>
  </si>
  <si>
    <t>26200</t>
  </si>
  <si>
    <t>12625</t>
  </si>
  <si>
    <t>30270</t>
  </si>
  <si>
    <t>47133</t>
  </si>
  <si>
    <t>10833</t>
  </si>
  <si>
    <t>5468</t>
  </si>
  <si>
    <t>4274</t>
  </si>
  <si>
    <t>35100</t>
  </si>
  <si>
    <t>19057</t>
  </si>
  <si>
    <t>18835</t>
  </si>
  <si>
    <t>5532</t>
  </si>
  <si>
    <t>3626</t>
  </si>
  <si>
    <t>47895</t>
  </si>
  <si>
    <t>235000</t>
  </si>
  <si>
    <t>37705</t>
  </si>
  <si>
    <t>3868</t>
  </si>
  <si>
    <t>43579</t>
  </si>
  <si>
    <t>102538</t>
  </si>
  <si>
    <t>37870</t>
  </si>
  <si>
    <t>216646</t>
  </si>
  <si>
    <t>269324</t>
  </si>
  <si>
    <t>19400</t>
  </si>
  <si>
    <t>349.70000000000005</t>
  </si>
  <si>
    <t>307584</t>
  </si>
  <si>
    <t>15812</t>
  </si>
  <si>
    <t>298.6</t>
  </si>
  <si>
    <t>1004000</t>
  </si>
  <si>
    <t>14735</t>
  </si>
  <si>
    <t>62800</t>
  </si>
  <si>
    <t>63522</t>
  </si>
  <si>
    <t>188500</t>
  </si>
  <si>
    <t>390500</t>
  </si>
  <si>
    <t>248004</t>
  </si>
  <si>
    <t>1950000</t>
  </si>
  <si>
    <t>355090</t>
  </si>
  <si>
    <t>62549</t>
  </si>
  <si>
    <t>43805</t>
  </si>
  <si>
    <t>208508</t>
  </si>
  <si>
    <t>988.5</t>
  </si>
  <si>
    <t>11533</t>
  </si>
  <si>
    <t>10332</t>
  </si>
  <si>
    <t>20550</t>
  </si>
  <si>
    <t>425750</t>
  </si>
  <si>
    <t>45200</t>
  </si>
  <si>
    <t>32800</t>
  </si>
  <si>
    <t>41.7</t>
  </si>
  <si>
    <t>10122</t>
  </si>
  <si>
    <t>250.6</t>
  </si>
  <si>
    <t>287.6</t>
  </si>
  <si>
    <t>387.6</t>
  </si>
  <si>
    <t>454.90000000000003</t>
  </si>
  <si>
    <t>18.900000000000002</t>
  </si>
  <si>
    <t>19.400000000000002</t>
  </si>
  <si>
    <t>2.45</t>
  </si>
  <si>
    <t>40355</t>
  </si>
  <si>
    <t>49915</t>
  </si>
  <si>
    <t>388893</t>
  </si>
  <si>
    <t>3706</t>
  </si>
  <si>
    <t>384.6</t>
  </si>
  <si>
    <t>781.4000000000001</t>
  </si>
  <si>
    <t>1242.2</t>
  </si>
  <si>
    <t>8308</t>
  </si>
  <si>
    <t>11243</t>
  </si>
  <si>
    <t>189006</t>
  </si>
  <si>
    <t>52988</t>
  </si>
  <si>
    <t>61820</t>
  </si>
  <si>
    <t>9320</t>
  </si>
  <si>
    <t>18285</t>
  </si>
  <si>
    <t>31112</t>
  </si>
  <si>
    <t>27066</t>
  </si>
  <si>
    <t>82.7</t>
  </si>
  <si>
    <t>10365</t>
  </si>
  <si>
    <t>105.4</t>
  </si>
  <si>
    <t>24006</t>
  </si>
  <si>
    <t>30889</t>
  </si>
  <si>
    <t>9075</t>
  </si>
  <si>
    <t>18130</t>
  </si>
  <si>
    <t>5889</t>
  </si>
  <si>
    <t>228910</t>
  </si>
  <si>
    <t>971000</t>
  </si>
  <si>
    <t>419000</t>
  </si>
  <si>
    <t>95300</t>
  </si>
  <si>
    <t>70200</t>
  </si>
  <si>
    <t>5.35</t>
  </si>
  <si>
    <t>5728</t>
  </si>
  <si>
    <t>19.68</t>
  </si>
  <si>
    <t>12273</t>
  </si>
  <si>
    <t>12990</t>
  </si>
  <si>
    <t>9961</t>
  </si>
  <si>
    <t>144.1</t>
  </si>
  <si>
    <t>101730</t>
  </si>
  <si>
    <t>14.34</t>
  </si>
  <si>
    <t>9.27</t>
  </si>
  <si>
    <t>12.88</t>
  </si>
  <si>
    <t>173.9</t>
  </si>
  <si>
    <t>50.410000000000004</t>
  </si>
  <si>
    <t>6.46</t>
  </si>
  <si>
    <t>1331.2</t>
  </si>
  <si>
    <t>167.5</t>
  </si>
  <si>
    <t>14557</t>
  </si>
  <si>
    <t>192.2</t>
  </si>
  <si>
    <t>8.52</t>
  </si>
  <si>
    <t>497.83</t>
  </si>
  <si>
    <t>244.32</t>
  </si>
  <si>
    <t>7975</t>
  </si>
  <si>
    <t>133450</t>
  </si>
  <si>
    <t>74.4</t>
  </si>
  <si>
    <t>97.60000000000001</t>
  </si>
  <si>
    <t>278.20000000000005</t>
  </si>
  <si>
    <t>17180</t>
  </si>
  <si>
    <t>30070</t>
  </si>
  <si>
    <t>17369</t>
  </si>
  <si>
    <t>1135.4</t>
  </si>
  <si>
    <t>34468</t>
  </si>
  <si>
    <t>269.7</t>
  </si>
  <si>
    <t>6045</t>
  </si>
  <si>
    <t>133.6</t>
  </si>
  <si>
    <t>56.64</t>
  </si>
  <si>
    <t>194.5</t>
  </si>
  <si>
    <t>467.8</t>
  </si>
  <si>
    <t>35.800000000000004</t>
  </si>
  <si>
    <t>132350</t>
  </si>
  <si>
    <t>45065</t>
  </si>
  <si>
    <t>34900</t>
  </si>
  <si>
    <t>0.25</t>
  </si>
  <si>
    <t>196.3</t>
  </si>
  <si>
    <t>270.3</t>
  </si>
  <si>
    <t>47.7</t>
  </si>
  <si>
    <t>143.83</t>
  </si>
  <si>
    <t>4695.7</t>
  </si>
  <si>
    <t>24.25</t>
  </si>
  <si>
    <t>3.27</t>
  </si>
  <si>
    <t>268.49</t>
  </si>
  <si>
    <t>37.84</t>
  </si>
  <si>
    <t>12.49</t>
  </si>
  <si>
    <t>28696</t>
  </si>
  <si>
    <t>360.27</t>
  </si>
  <si>
    <t>825.0899999999999</t>
  </si>
  <si>
    <t>344.71</t>
  </si>
  <si>
    <t>2283.7200000000003</t>
  </si>
  <si>
    <t>73500</t>
  </si>
  <si>
    <t>29.080000000000002</t>
  </si>
  <si>
    <t>52.300000000000004</t>
  </si>
  <si>
    <t>156.82</t>
  </si>
  <si>
    <t>123.15</t>
  </si>
  <si>
    <t>28.67</t>
  </si>
  <si>
    <t>59.77</t>
  </si>
  <si>
    <t>283.63</t>
  </si>
  <si>
    <t>106075</t>
  </si>
  <si>
    <t>130.22</t>
  </si>
  <si>
    <t>47.300000000000004</t>
  </si>
  <si>
    <t>3.11</t>
  </si>
  <si>
    <t>9.85</t>
  </si>
  <si>
    <t>28.25</t>
  </si>
  <si>
    <t>934.7</t>
  </si>
  <si>
    <t>21080</t>
  </si>
  <si>
    <t>63172</t>
  </si>
  <si>
    <t>32400</t>
  </si>
  <si>
    <t>255.48000000000002</t>
  </si>
  <si>
    <t>58.99</t>
  </si>
  <si>
    <t>90.10000000000001</t>
  </si>
  <si>
    <t>52164</t>
  </si>
  <si>
    <t>211000</t>
  </si>
  <si>
    <t>12626</t>
  </si>
  <si>
    <t>39.12</t>
  </si>
  <si>
    <t>71.01</t>
  </si>
  <si>
    <t>808700</t>
  </si>
  <si>
    <t>35825</t>
  </si>
  <si>
    <t>240.78</t>
  </si>
  <si>
    <t>131.6</t>
  </si>
  <si>
    <t>56.300000000000004</t>
  </si>
  <si>
    <t>243.4</t>
  </si>
  <si>
    <t>147.4</t>
  </si>
  <si>
    <t>15816</t>
  </si>
  <si>
    <t>11565</t>
  </si>
  <si>
    <t>305.03000000000003</t>
  </si>
  <si>
    <t>65864</t>
  </si>
  <si>
    <t>224.3</t>
  </si>
  <si>
    <t>8675</t>
  </si>
  <si>
    <t>7695</t>
  </si>
  <si>
    <t>53.800000000000004</t>
  </si>
  <si>
    <t>11096</t>
  </si>
  <si>
    <t>56400</t>
  </si>
  <si>
    <t>120150</t>
  </si>
  <si>
    <t>2879.4900000000002</t>
  </si>
  <si>
    <t>35.53</t>
  </si>
  <si>
    <t>34514</t>
  </si>
  <si>
    <t>18.400000000000002</t>
  </si>
  <si>
    <t>241.4</t>
  </si>
  <si>
    <t>188.5</t>
  </si>
  <si>
    <t>276138</t>
  </si>
  <si>
    <t>90200</t>
  </si>
  <si>
    <t>6665</t>
  </si>
  <si>
    <t>463189</t>
  </si>
  <si>
    <t>345000</t>
  </si>
  <si>
    <t>440560</t>
  </si>
  <si>
    <t>80860</t>
  </si>
  <si>
    <t>39912</t>
  </si>
  <si>
    <t>1608000</t>
  </si>
  <si>
    <t>5876</t>
  </si>
  <si>
    <t>115.60000000000001</t>
  </si>
  <si>
    <t>1637000</t>
  </si>
  <si>
    <t>412091</t>
  </si>
  <si>
    <t>806000</t>
  </si>
  <si>
    <t>50253</t>
  </si>
  <si>
    <t>100237</t>
  </si>
  <si>
    <t>799000</t>
  </si>
  <si>
    <t>110.8</t>
  </si>
  <si>
    <t>132.9</t>
  </si>
  <si>
    <t>453054</t>
  </si>
  <si>
    <t>33480</t>
  </si>
  <si>
    <t>107246</t>
  </si>
  <si>
    <t>424226</t>
  </si>
  <si>
    <t>1529.8</t>
  </si>
  <si>
    <t>765600</t>
  </si>
  <si>
    <t>784200</t>
  </si>
  <si>
    <t>854400</t>
  </si>
  <si>
    <t>1188000</t>
  </si>
  <si>
    <t>48597</t>
  </si>
  <si>
    <t>43.2</t>
  </si>
  <si>
    <t>824000</t>
  </si>
  <si>
    <t>15253</t>
  </si>
  <si>
    <t>338000</t>
  </si>
  <si>
    <t>475011</t>
  </si>
  <si>
    <t>756000</t>
  </si>
  <si>
    <t>1211000</t>
  </si>
  <si>
    <t>505500</t>
  </si>
  <si>
    <t>58200</t>
  </si>
  <si>
    <t>191191</t>
  </si>
  <si>
    <t>75.5</t>
  </si>
  <si>
    <t>399250</t>
  </si>
  <si>
    <t>454500</t>
  </si>
  <si>
    <t>484030</t>
  </si>
  <si>
    <t>479.2</t>
  </si>
  <si>
    <t>8040</t>
  </si>
  <si>
    <t>1600094</t>
  </si>
  <si>
    <t>1462000</t>
  </si>
  <si>
    <t>2490000</t>
  </si>
  <si>
    <t>39200</t>
  </si>
  <si>
    <t>78610</t>
  </si>
  <si>
    <t>25640</t>
  </si>
  <si>
    <t>200752</t>
  </si>
  <si>
    <t>8920</t>
  </si>
  <si>
    <t>160640</t>
  </si>
  <si>
    <t>100130</t>
  </si>
  <si>
    <t>655200</t>
  </si>
  <si>
    <t>367500</t>
  </si>
  <si>
    <t>528250</t>
  </si>
  <si>
    <t>557481</t>
  </si>
  <si>
    <t>23414</t>
  </si>
  <si>
    <t>1419000</t>
  </si>
  <si>
    <t>1107000</t>
  </si>
  <si>
    <t>58800</t>
  </si>
  <si>
    <t>5830</t>
  </si>
  <si>
    <t>21259</t>
  </si>
  <si>
    <t>158500</t>
  </si>
  <si>
    <t>3054000</t>
  </si>
  <si>
    <t>34800</t>
  </si>
  <si>
    <t>31872</t>
  </si>
  <si>
    <t>501495</t>
  </si>
  <si>
    <t>132.3</t>
  </si>
  <si>
    <t>33165</t>
  </si>
  <si>
    <t>210039</t>
  </si>
  <si>
    <t>964000</t>
  </si>
  <si>
    <t>24417</t>
  </si>
  <si>
    <t>81015</t>
  </si>
  <si>
    <t>72414</t>
  </si>
  <si>
    <t>562000</t>
  </si>
  <si>
    <t>487000</t>
  </si>
  <si>
    <t>2861000</t>
  </si>
  <si>
    <t>1332000</t>
  </si>
  <si>
    <t>503000</t>
  </si>
  <si>
    <t>833000</t>
  </si>
  <si>
    <t>1691000</t>
  </si>
  <si>
    <t>706000</t>
  </si>
  <si>
    <t>1008000</t>
  </si>
  <si>
    <t>877000</t>
  </si>
  <si>
    <t>636000</t>
  </si>
  <si>
    <t>1640000</t>
  </si>
  <si>
    <t>1747000</t>
  </si>
  <si>
    <t>1727000</t>
  </si>
  <si>
    <t>1427000</t>
  </si>
  <si>
    <t>1851000</t>
  </si>
  <si>
    <t>1326000</t>
  </si>
  <si>
    <t>1049000</t>
  </si>
  <si>
    <t>844000</t>
  </si>
  <si>
    <t>686000</t>
  </si>
  <si>
    <t>3843000</t>
  </si>
  <si>
    <t>1433000</t>
  </si>
  <si>
    <t>1773000</t>
  </si>
  <si>
    <t>762280</t>
  </si>
  <si>
    <t>2103000</t>
  </si>
  <si>
    <t>1026000</t>
  </si>
  <si>
    <t>711000</t>
  </si>
  <si>
    <t>537950</t>
  </si>
  <si>
    <t>1846000</t>
  </si>
  <si>
    <t>5070000</t>
  </si>
  <si>
    <t>409044</t>
  </si>
  <si>
    <t>1801000</t>
  </si>
  <si>
    <t>731000</t>
  </si>
  <si>
    <t>1795000</t>
  </si>
  <si>
    <t>943000</t>
  </si>
  <si>
    <t>809000</t>
  </si>
  <si>
    <t>836000</t>
  </si>
  <si>
    <t>2529</t>
  </si>
  <si>
    <t>7650</t>
  </si>
  <si>
    <t>15.46</t>
  </si>
  <si>
    <t>46.17</t>
  </si>
  <si>
    <t>306150</t>
  </si>
  <si>
    <t>690000</t>
  </si>
  <si>
    <t>351600</t>
  </si>
  <si>
    <t>8.89</t>
  </si>
  <si>
    <t>2588</t>
  </si>
  <si>
    <t>21910</t>
  </si>
  <si>
    <t>36680</t>
  </si>
  <si>
    <t>318140</t>
  </si>
  <si>
    <t>8103</t>
  </si>
  <si>
    <t>372212</t>
  </si>
  <si>
    <t>361400</t>
  </si>
  <si>
    <t>8281</t>
  </si>
  <si>
    <t>282600</t>
  </si>
  <si>
    <t>115780</t>
  </si>
  <si>
    <t>102180</t>
  </si>
  <si>
    <t>13820</t>
  </si>
  <si>
    <t>56060</t>
  </si>
  <si>
    <t>433000</t>
  </si>
  <si>
    <t>26550</t>
  </si>
  <si>
    <t>13.379999999999999</t>
  </si>
  <si>
    <t>3.07</t>
  </si>
  <si>
    <t>15.09</t>
  </si>
  <si>
    <t>12.99</t>
  </si>
  <si>
    <t>7.19</t>
  </si>
  <si>
    <t>5.44</t>
  </si>
  <si>
    <t>13.49</t>
  </si>
  <si>
    <t>5.27</t>
  </si>
  <si>
    <t>0.45</t>
  </si>
  <si>
    <t>54900</t>
  </si>
  <si>
    <t>70.10000000000001</t>
  </si>
  <si>
    <t>6055</t>
  </si>
  <si>
    <t>2327.5</t>
  </si>
  <si>
    <t>1828</t>
  </si>
  <si>
    <t>18750</t>
  </si>
  <si>
    <t>145100</t>
  </si>
  <si>
    <t>18550</t>
  </si>
  <si>
    <t>428479</t>
  </si>
  <si>
    <t>14984</t>
  </si>
  <si>
    <t>9632</t>
  </si>
  <si>
    <t>84900</t>
  </si>
  <si>
    <t>16792</t>
  </si>
  <si>
    <t>22654</t>
  </si>
  <si>
    <t>13248</t>
  </si>
  <si>
    <t>29120</t>
  </si>
  <si>
    <t>33236</t>
  </si>
  <si>
    <t>3466</t>
  </si>
  <si>
    <t>5832</t>
  </si>
  <si>
    <t>7408</t>
  </si>
  <si>
    <t>18486</t>
  </si>
  <si>
    <t>25108</t>
  </si>
  <si>
    <t>24152</t>
  </si>
  <si>
    <t>51.5</t>
  </si>
  <si>
    <t>97748</t>
  </si>
  <si>
    <t>5694</t>
  </si>
  <si>
    <t>16116</t>
  </si>
  <si>
    <t>344200</t>
  </si>
  <si>
    <t>6317</t>
  </si>
  <si>
    <t>36200</t>
  </si>
  <si>
    <t>5027</t>
  </si>
  <si>
    <t>3609</t>
  </si>
  <si>
    <t>2454</t>
  </si>
  <si>
    <t>461.8</t>
  </si>
  <si>
    <t>1.82</t>
  </si>
  <si>
    <t>52.4</t>
  </si>
  <si>
    <t>20540</t>
  </si>
  <si>
    <t>14119</t>
  </si>
  <si>
    <t>20079</t>
  </si>
  <si>
    <t>16985</t>
  </si>
  <si>
    <t>9194</t>
  </si>
  <si>
    <t>597.6</t>
  </si>
  <si>
    <t>20.900000000000002</t>
  </si>
  <si>
    <t>63.800000000000004</t>
  </si>
  <si>
    <t>274.4</t>
  </si>
  <si>
    <t>62.10000000000001</t>
  </si>
  <si>
    <t>63.4</t>
  </si>
  <si>
    <t>26.6</t>
  </si>
  <si>
    <t>65.8</t>
  </si>
  <si>
    <t>79.10000000000001</t>
  </si>
  <si>
    <t>30.3</t>
  </si>
  <si>
    <t>149.4</t>
  </si>
  <si>
    <t>4733</t>
  </si>
  <si>
    <t>14029</t>
  </si>
  <si>
    <t>105550</t>
  </si>
  <si>
    <t>37.6</t>
  </si>
  <si>
    <t>175.5</t>
  </si>
  <si>
    <t>11762</t>
  </si>
  <si>
    <t>86600</t>
  </si>
  <si>
    <t>47.15</t>
  </si>
  <si>
    <t>122.8</t>
  </si>
  <si>
    <t>132650</t>
  </si>
  <si>
    <t>32100</t>
  </si>
  <si>
    <t>14668</t>
  </si>
  <si>
    <t>306000</t>
  </si>
  <si>
    <t>10.100000000000001</t>
  </si>
  <si>
    <t>62.8</t>
  </si>
  <si>
    <t>4.300000000000001</t>
  </si>
  <si>
    <t>1099000</t>
  </si>
  <si>
    <t>48.800000000000004</t>
  </si>
  <si>
    <t>25.700000000000003</t>
  </si>
  <si>
    <t>96.7</t>
  </si>
  <si>
    <t>107.6</t>
  </si>
  <si>
    <t>9.620000000000001</t>
  </si>
  <si>
    <t>87.30000000000001</t>
  </si>
  <si>
    <t>42.1</t>
  </si>
  <si>
    <t>34.400000000000006</t>
  </si>
  <si>
    <t>202.7</t>
  </si>
  <si>
    <t>53.3</t>
  </si>
  <si>
    <t>36.800000000000004</t>
  </si>
  <si>
    <t>5.300000000000001</t>
  </si>
  <si>
    <t>288.3</t>
  </si>
  <si>
    <t>78.5</t>
  </si>
  <si>
    <t>27.53</t>
  </si>
  <si>
    <t>169.9</t>
  </si>
  <si>
    <t>42.6</t>
  </si>
  <si>
    <t>43.400000000000006</t>
  </si>
  <si>
    <t>75.9</t>
  </si>
  <si>
    <t>107.3</t>
  </si>
  <si>
    <t>99.5</t>
  </si>
  <si>
    <t>67.8</t>
  </si>
  <si>
    <t>205.3</t>
  </si>
  <si>
    <t>448.7</t>
  </si>
  <si>
    <t>22.900000000000002</t>
  </si>
  <si>
    <t>144.4</t>
  </si>
  <si>
    <t>1009.3</t>
  </si>
  <si>
    <t>1467.8</t>
  </si>
  <si>
    <t>145.6</t>
  </si>
  <si>
    <t>634.1</t>
  </si>
  <si>
    <t>468.40000000000003</t>
  </si>
  <si>
    <t>1564.1</t>
  </si>
  <si>
    <t>175.60000000000002</t>
  </si>
  <si>
    <t>625.3</t>
  </si>
  <si>
    <t>2649.2000000000003</t>
  </si>
  <si>
    <t>172.8</t>
  </si>
  <si>
    <t>60.400000000000006</t>
  </si>
  <si>
    <t>1153.4</t>
  </si>
  <si>
    <t>214.6</t>
  </si>
  <si>
    <t>215.10000000000002</t>
  </si>
  <si>
    <t>1566.04</t>
  </si>
  <si>
    <t>110.60000000000001</t>
  </si>
  <si>
    <t>1045.3</t>
  </si>
  <si>
    <t>149.9</t>
  </si>
  <si>
    <t>557.1</t>
  </si>
  <si>
    <t>116.2</t>
  </si>
  <si>
    <t>8084</t>
  </si>
  <si>
    <t>44.800000000000004</t>
  </si>
  <si>
    <t>275.8</t>
  </si>
  <si>
    <t>131.2</t>
  </si>
  <si>
    <t>295.1</t>
  </si>
  <si>
    <t>136.70000000000002</t>
  </si>
  <si>
    <t>187.4</t>
  </si>
  <si>
    <t>6535</t>
  </si>
  <si>
    <t>367.8</t>
  </si>
  <si>
    <t>106.9</t>
  </si>
  <si>
    <t>68.8</t>
  </si>
  <si>
    <t>64.4</t>
  </si>
  <si>
    <t>57.2</t>
  </si>
  <si>
    <t>90.60000000000001</t>
  </si>
  <si>
    <t>469.5</t>
  </si>
  <si>
    <t>146.4</t>
  </si>
  <si>
    <t>46.6</t>
  </si>
  <si>
    <t>30077</t>
  </si>
  <si>
    <t>30490</t>
  </si>
  <si>
    <t>162.4</t>
  </si>
  <si>
    <t>258.5</t>
  </si>
  <si>
    <t>1644.5</t>
  </si>
  <si>
    <t>125.5</t>
  </si>
  <si>
    <t>128.6</t>
  </si>
  <si>
    <t>700.6</t>
  </si>
  <si>
    <t>999.6</t>
  </si>
  <si>
    <t>39.800000000000004</t>
  </si>
  <si>
    <t>98.60000000000001</t>
  </si>
  <si>
    <t>73.60000000000001</t>
  </si>
  <si>
    <t>379.09999999999997</t>
  </si>
  <si>
    <t>302.2</t>
  </si>
  <si>
    <t>817.3</t>
  </si>
  <si>
    <t>586.7</t>
  </si>
  <si>
    <t>105.5</t>
  </si>
  <si>
    <t>73073</t>
  </si>
  <si>
    <t>7325</t>
  </si>
  <si>
    <t>526.6</t>
  </si>
  <si>
    <t>470.5</t>
  </si>
  <si>
    <t>45.800000000000004</t>
  </si>
  <si>
    <t>8332</t>
  </si>
  <si>
    <t>438.5</t>
  </si>
  <si>
    <t>5211</t>
  </si>
  <si>
    <t>9950</t>
  </si>
  <si>
    <t>120396</t>
  </si>
  <si>
    <t>88.1</t>
  </si>
  <si>
    <t>35133</t>
  </si>
  <si>
    <t>149256</t>
  </si>
  <si>
    <t>15517</t>
  </si>
  <si>
    <t>6465</t>
  </si>
  <si>
    <t>40398</t>
  </si>
  <si>
    <t>30311</t>
  </si>
  <si>
    <t>19091</t>
  </si>
  <si>
    <t>10114</t>
  </si>
  <si>
    <t>5472</t>
  </si>
  <si>
    <t>55710</t>
  </si>
  <si>
    <t>25228</t>
  </si>
  <si>
    <t>52713</t>
  </si>
  <si>
    <t>763450</t>
  </si>
  <si>
    <t>7759</t>
  </si>
  <si>
    <t>25792</t>
  </si>
  <si>
    <t>12644</t>
  </si>
  <si>
    <t>367200</t>
  </si>
  <si>
    <t>123908</t>
  </si>
  <si>
    <t>10964</t>
  </si>
  <si>
    <t>8013</t>
  </si>
  <si>
    <t>25121</t>
  </si>
  <si>
    <t>2484</t>
  </si>
  <si>
    <t>30200</t>
  </si>
  <si>
    <t>4213</t>
  </si>
  <si>
    <t>5529</t>
  </si>
  <si>
    <t>14392</t>
  </si>
  <si>
    <t>61164</t>
  </si>
  <si>
    <t>9352</t>
  </si>
  <si>
    <t>5959</t>
  </si>
  <si>
    <t>20900</t>
  </si>
  <si>
    <t>17224</t>
  </si>
  <si>
    <t>175324</t>
  </si>
  <si>
    <t>46419</t>
  </si>
  <si>
    <t>173312</t>
  </si>
  <si>
    <t>297360</t>
  </si>
  <si>
    <t>61428</t>
  </si>
  <si>
    <t>1092000</t>
  </si>
  <si>
    <t>208035</t>
  </si>
  <si>
    <t>657041</t>
  </si>
  <si>
    <t>249498</t>
  </si>
  <si>
    <t>604664</t>
  </si>
  <si>
    <t>7377</t>
  </si>
  <si>
    <t>14910</t>
  </si>
  <si>
    <t>191727</t>
  </si>
  <si>
    <t>185268</t>
  </si>
  <si>
    <t>23532</t>
  </si>
  <si>
    <t>11637</t>
  </si>
  <si>
    <t>35.1</t>
  </si>
  <si>
    <t>11765</t>
  </si>
  <si>
    <t>1670000</t>
  </si>
  <si>
    <t>175043</t>
  </si>
  <si>
    <t>23020</t>
  </si>
  <si>
    <t>67.6</t>
  </si>
  <si>
    <t>26075</t>
  </si>
  <si>
    <t>15880</t>
  </si>
  <si>
    <t>50036</t>
  </si>
  <si>
    <t>22816</t>
  </si>
  <si>
    <t>9019</t>
  </si>
  <si>
    <t>22549</t>
  </si>
  <si>
    <t>9520</t>
  </si>
  <si>
    <t>8531</t>
  </si>
  <si>
    <t>22871</t>
  </si>
  <si>
    <t>10001</t>
  </si>
  <si>
    <t>15092</t>
  </si>
  <si>
    <t>127245</t>
  </si>
  <si>
    <t>156040</t>
  </si>
  <si>
    <t>19369</t>
  </si>
  <si>
    <t>1844</t>
  </si>
  <si>
    <t>28903</t>
  </si>
  <si>
    <t>729.9000000000001</t>
  </si>
  <si>
    <t>12507</t>
  </si>
  <si>
    <t>11587</t>
  </si>
  <si>
    <t>30101</t>
  </si>
  <si>
    <t>16102</t>
  </si>
  <si>
    <t>311.8</t>
  </si>
  <si>
    <t>25896</t>
  </si>
  <si>
    <t>250018</t>
  </si>
  <si>
    <t>11.1</t>
  </si>
  <si>
    <t>53.4</t>
  </si>
  <si>
    <t>210.5</t>
  </si>
  <si>
    <t>15892</t>
  </si>
  <si>
    <t>13392</t>
  </si>
  <si>
    <t>7395</t>
  </si>
  <si>
    <t>38230</t>
  </si>
  <si>
    <t>6703</t>
  </si>
  <si>
    <t>25174</t>
  </si>
  <si>
    <t>37200</t>
  </si>
  <si>
    <t>49590</t>
  </si>
  <si>
    <t>49200</t>
  </si>
  <si>
    <t>12446</t>
  </si>
  <si>
    <t>102354</t>
  </si>
  <si>
    <t>24166</t>
  </si>
  <si>
    <t>19090</t>
  </si>
  <si>
    <t>21714</t>
  </si>
  <si>
    <t>29440</t>
  </si>
  <si>
    <t>42296</t>
  </si>
  <si>
    <t>15384</t>
  </si>
  <si>
    <t>48519</t>
  </si>
  <si>
    <t>34910</t>
  </si>
  <si>
    <t>12120</t>
  </si>
  <si>
    <t>74250</t>
  </si>
  <si>
    <t>52952</t>
  </si>
  <si>
    <t>162115</t>
  </si>
  <si>
    <t>1350000</t>
  </si>
  <si>
    <t>142942</t>
  </si>
  <si>
    <t>157972</t>
  </si>
  <si>
    <t>105167</t>
  </si>
  <si>
    <t>107118</t>
  </si>
  <si>
    <t>71466</t>
  </si>
  <si>
    <t>1798612</t>
  </si>
  <si>
    <t>10130</t>
  </si>
  <si>
    <t>545940</t>
  </si>
  <si>
    <t>406780</t>
  </si>
  <si>
    <t>129084</t>
  </si>
  <si>
    <t>57600</t>
  </si>
  <si>
    <t>81691</t>
  </si>
  <si>
    <t>83855</t>
  </si>
  <si>
    <t>36706</t>
  </si>
  <si>
    <t>1367659</t>
  </si>
  <si>
    <t>254893</t>
  </si>
  <si>
    <t>4362</t>
  </si>
  <si>
    <t>271020</t>
  </si>
  <si>
    <t>146832</t>
  </si>
  <si>
    <t>1004065</t>
  </si>
  <si>
    <t>298933</t>
  </si>
  <si>
    <t>448924</t>
  </si>
  <si>
    <t>83117</t>
  </si>
  <si>
    <t>262782</t>
  </si>
  <si>
    <t>14136</t>
  </si>
  <si>
    <t>12193</t>
  </si>
  <si>
    <t>14829</t>
  </si>
  <si>
    <t>2856</t>
  </si>
  <si>
    <t>9317</t>
  </si>
  <si>
    <t>3778</t>
  </si>
  <si>
    <t>5519</t>
  </si>
  <si>
    <t>58486</t>
  </si>
  <si>
    <t>19715</t>
  </si>
  <si>
    <t>9839</t>
  </si>
  <si>
    <t>19920</t>
  </si>
  <si>
    <t>111.8</t>
  </si>
  <si>
    <t>2.63</t>
  </si>
  <si>
    <t>18955</t>
  </si>
  <si>
    <t>798000</t>
  </si>
  <si>
    <t>74.29</t>
  </si>
  <si>
    <t>9974</t>
  </si>
  <si>
    <t>15826</t>
  </si>
  <si>
    <t>176673</t>
  </si>
  <si>
    <t>48500</t>
  </si>
  <si>
    <t>181940</t>
  </si>
  <si>
    <t>224500</t>
  </si>
  <si>
    <t>60800</t>
  </si>
  <si>
    <t>93683</t>
  </si>
  <si>
    <t>93593</t>
  </si>
  <si>
    <t>928875</t>
  </si>
  <si>
    <t>924012</t>
  </si>
  <si>
    <t>01/03/2018</t>
  </si>
  <si>
    <t>01/13/2018</t>
  </si>
  <si>
    <t>01/25/2018</t>
  </si>
  <si>
    <t>01/26/2018</t>
  </si>
  <si>
    <t>01/28/2018</t>
  </si>
  <si>
    <t>14776</t>
  </si>
  <si>
    <t>02/05/2018</t>
  </si>
  <si>
    <t>05/18/2018</t>
  </si>
  <si>
    <t>05/26/2018</t>
  </si>
  <si>
    <t>06/13/2018</t>
  </si>
  <si>
    <t>06/20/2018</t>
  </si>
  <si>
    <t>20855</t>
  </si>
  <si>
    <t>06/25/2018</t>
  </si>
  <si>
    <t>01/10/2018</t>
  </si>
  <si>
    <t>01/18/2018</t>
  </si>
  <si>
    <t>01/19/2018</t>
  </si>
  <si>
    <t>01/23/2018</t>
  </si>
  <si>
    <t>02/02/2018</t>
  </si>
  <si>
    <t>02/06/2018</t>
  </si>
  <si>
    <t>02/14/2018</t>
  </si>
  <si>
    <t>03/10/2018</t>
  </si>
  <si>
    <t>05/28/2018</t>
  </si>
  <si>
    <t>02/16/2018</t>
  </si>
  <si>
    <t>04/05/2018</t>
  </si>
  <si>
    <t>04/13/2018</t>
  </si>
  <si>
    <t>05/24/2018</t>
  </si>
  <si>
    <t>03/09/2018</t>
  </si>
  <si>
    <t>01/27/2018</t>
  </si>
  <si>
    <t>02/03/2018</t>
  </si>
  <si>
    <t>02/11/2018</t>
  </si>
  <si>
    <t>02/15/2018</t>
  </si>
  <si>
    <t>02/17/2018</t>
  </si>
  <si>
    <t>02/26/2018</t>
  </si>
  <si>
    <t>03/03/2018</t>
  </si>
  <si>
    <t>03/05/2018</t>
  </si>
  <si>
    <t>03/06/2018</t>
  </si>
  <si>
    <t>03/08/2018</t>
  </si>
  <si>
    <t>03/14/2018</t>
  </si>
  <si>
    <t>03/17/2018</t>
  </si>
  <si>
    <t>03/21/2018</t>
  </si>
  <si>
    <t>03/22/2018</t>
  </si>
  <si>
    <t>03/23/2018</t>
  </si>
  <si>
    <t>03/25/2018</t>
  </si>
  <si>
    <t>03/29/2018</t>
  </si>
  <si>
    <t>03/31/2018</t>
  </si>
  <si>
    <t>04/01/2018</t>
  </si>
  <si>
    <t>04/03/2018</t>
  </si>
  <si>
    <t>04/04/2018</t>
  </si>
  <si>
    <t>04/06/2018</t>
  </si>
  <si>
    <t>04/20/2018</t>
  </si>
  <si>
    <t>04/25/2018</t>
  </si>
  <si>
    <t>05/06/2018</t>
  </si>
  <si>
    <t>05/08/2018</t>
  </si>
  <si>
    <t>05/14/2018</t>
  </si>
  <si>
    <t>05/16/2018</t>
  </si>
  <si>
    <t>05/17/2018</t>
  </si>
  <si>
    <t>05/21/2018</t>
  </si>
  <si>
    <t>05/22/2018</t>
  </si>
  <si>
    <t>06/05/2018</t>
  </si>
  <si>
    <t>06/06/2018</t>
  </si>
  <si>
    <t>06/26/2018</t>
  </si>
  <si>
    <t>01/29/2018</t>
  </si>
  <si>
    <t>04/16/2018</t>
  </si>
  <si>
    <t>01/08/2018</t>
  </si>
  <si>
    <t>01/22/2018</t>
  </si>
  <si>
    <t>01/30/2018</t>
  </si>
  <si>
    <t>01/31/2018</t>
  </si>
  <si>
    <t>02/04/2018</t>
  </si>
  <si>
    <t>02/07/2018</t>
  </si>
  <si>
    <t>02/09/2018</t>
  </si>
  <si>
    <t>02/20/2018</t>
  </si>
  <si>
    <t>02/22/2018</t>
  </si>
  <si>
    <t>02/23/2018</t>
  </si>
  <si>
    <t>02/28/2018</t>
  </si>
  <si>
    <t>03/02/2018</t>
  </si>
  <si>
    <t>03/07/2018</t>
  </si>
  <si>
    <t>03/20/2018</t>
  </si>
  <si>
    <t>03/26/2018</t>
  </si>
  <si>
    <t>05/25/2018</t>
  </si>
  <si>
    <t>01/07/2018</t>
  </si>
  <si>
    <t>01/14/2018</t>
  </si>
  <si>
    <t>02/12/2018</t>
  </si>
  <si>
    <t>03/12/2018</t>
  </si>
  <si>
    <t>05/15/2018</t>
  </si>
  <si>
    <t>03/19/2018</t>
  </si>
  <si>
    <t>04/09/2018</t>
  </si>
  <si>
    <t>04/12/2018</t>
  </si>
  <si>
    <t>04/29/2018</t>
  </si>
  <si>
    <t>05/09/2018</t>
  </si>
  <si>
    <t>05/12/2018</t>
  </si>
  <si>
    <t>06/01/2018</t>
  </si>
  <si>
    <t>06/11/2018</t>
  </si>
  <si>
    <t>06/14/2018</t>
  </si>
  <si>
    <t>06/29/2018</t>
  </si>
  <si>
    <t>01/17/2018</t>
  </si>
  <si>
    <t>02/08/2018</t>
  </si>
  <si>
    <t>04/02/2018</t>
  </si>
  <si>
    <t>06/03/2018</t>
  </si>
  <si>
    <t>06/12/2018</t>
  </si>
  <si>
    <t>06/22/2018</t>
  </si>
  <si>
    <t>06/24/2018</t>
  </si>
  <si>
    <t>01/16/2018</t>
  </si>
  <si>
    <t>01/21/2018</t>
  </si>
  <si>
    <t>02/13/2018</t>
  </si>
  <si>
    <t>02/19/2018</t>
  </si>
  <si>
    <t>02/21/2018</t>
  </si>
  <si>
    <t>03/01/2018</t>
  </si>
  <si>
    <t>03/04/2018</t>
  </si>
  <si>
    <t>03/28/2018</t>
  </si>
  <si>
    <t>04/10/2018</t>
  </si>
  <si>
    <t>04/18/2018</t>
  </si>
  <si>
    <t>04/24/2018</t>
  </si>
  <si>
    <t>05/30/2018</t>
  </si>
  <si>
    <t>05/31/2018</t>
  </si>
  <si>
    <t>06/02/2018</t>
  </si>
  <si>
    <t>06/07/2018</t>
  </si>
  <si>
    <t>06/15/2018</t>
  </si>
  <si>
    <t>06/16/2018</t>
  </si>
  <si>
    <t>06/19/2018</t>
  </si>
  <si>
    <t>06/28/2018</t>
  </si>
  <si>
    <t>06/30/2018</t>
  </si>
  <si>
    <t>03/13/2018</t>
  </si>
  <si>
    <t>03/18/2018</t>
  </si>
  <si>
    <t>05/01/2018</t>
  </si>
  <si>
    <t>01/20/2018</t>
  </si>
  <si>
    <t>05/27/2018</t>
  </si>
  <si>
    <t>06/23/2018</t>
  </si>
  <si>
    <t>01/24/2018</t>
  </si>
  <si>
    <t>03/15/2018</t>
  </si>
  <si>
    <t>03/24/2018</t>
  </si>
  <si>
    <t>04/07/2018</t>
  </si>
  <si>
    <t>04/08/2018</t>
  </si>
  <si>
    <t>04/15/2018</t>
  </si>
  <si>
    <t>04/17/2018</t>
  </si>
  <si>
    <t>04/26/2018</t>
  </si>
  <si>
    <t>05/02/2018</t>
  </si>
  <si>
    <t>05/05/2018</t>
  </si>
  <si>
    <t>05/23/2018</t>
  </si>
  <si>
    <t>06/04/2018</t>
  </si>
  <si>
    <t>06/09/2018</t>
  </si>
  <si>
    <t>06/10/2018</t>
  </si>
  <si>
    <t>06/27/2018</t>
  </si>
  <si>
    <t>01/01/2018</t>
  </si>
  <si>
    <t>01/04/2018</t>
  </si>
  <si>
    <t>01/05/2018</t>
  </si>
  <si>
    <t>01/09/2018</t>
  </si>
  <si>
    <t>01/11/2018</t>
  </si>
  <si>
    <t>01/12/2018</t>
  </si>
  <si>
    <t>01/15/2018</t>
  </si>
  <si>
    <t>02/01/2018</t>
  </si>
  <si>
    <t>02/18/2018</t>
  </si>
  <si>
    <t>02/24/2018</t>
  </si>
  <si>
    <t>02/25/2018</t>
  </si>
  <si>
    <t>02/27/2018</t>
  </si>
  <si>
    <t>03/30/2018</t>
  </si>
  <si>
    <t>04/14/2018</t>
  </si>
  <si>
    <t>05/03/2018</t>
  </si>
  <si>
    <t>05/07/2018</t>
  </si>
  <si>
    <t>05/11/2018</t>
  </si>
  <si>
    <t>05/19/2018</t>
  </si>
  <si>
    <t>03/27/2018</t>
  </si>
  <si>
    <t>04/19/2018</t>
  </si>
  <si>
    <t>04/22/2018</t>
  </si>
  <si>
    <t>04/28/2018</t>
  </si>
  <si>
    <t>05/10/2018</t>
  </si>
  <si>
    <t>05/13/2018</t>
  </si>
  <si>
    <t>06/08/2018</t>
  </si>
  <si>
    <t>03/16/2018</t>
  </si>
  <si>
    <t>04/27/2018</t>
  </si>
  <si>
    <t>05/29/2018</t>
  </si>
  <si>
    <t>06/17/2018</t>
  </si>
  <si>
    <t>04/21/2018</t>
  </si>
  <si>
    <t>01/06/2018</t>
  </si>
  <si>
    <t>04/23/2018</t>
  </si>
  <si>
    <t>05/04/2018</t>
  </si>
  <si>
    <t>06/18/2018</t>
  </si>
  <si>
    <t>06/21/2018</t>
  </si>
  <si>
    <t>04/11/2018</t>
  </si>
  <si>
    <t>04/30/2018</t>
  </si>
  <si>
    <t>03/11/2018</t>
  </si>
  <si>
    <t>05/20/2018</t>
  </si>
  <si>
    <t>01/02/2018</t>
  </si>
  <si>
    <t>5243</t>
  </si>
  <si>
    <t>02/10/2018</t>
  </si>
  <si>
    <t>332400</t>
  </si>
  <si>
    <t>122575</t>
  </si>
  <si>
    <t>26572</t>
  </si>
  <si>
    <t>27147</t>
  </si>
  <si>
    <t>2301</t>
  </si>
  <si>
    <t>4235</t>
  </si>
  <si>
    <t>5942</t>
  </si>
  <si>
    <t>10279</t>
  </si>
  <si>
    <t>149075</t>
  </si>
  <si>
    <t>45740</t>
  </si>
  <si>
    <t>7498</t>
  </si>
  <si>
    <t>29007</t>
  </si>
  <si>
    <t>73576</t>
  </si>
  <si>
    <t>33200</t>
  </si>
  <si>
    <t>286841</t>
  </si>
  <si>
    <t>38800</t>
  </si>
  <si>
    <t>9998</t>
  </si>
  <si>
    <t>23145</t>
  </si>
  <si>
    <t>32046</t>
  </si>
  <si>
    <t>18094</t>
  </si>
  <si>
    <t>60033</t>
  </si>
  <si>
    <t>247000</t>
  </si>
  <si>
    <t>4082</t>
  </si>
  <si>
    <t>5627</t>
  </si>
  <si>
    <t>2961</t>
  </si>
  <si>
    <t>14878</t>
  </si>
  <si>
    <t>78986</t>
  </si>
  <si>
    <t>9715</t>
  </si>
  <si>
    <t>12765</t>
  </si>
  <si>
    <t>5054</t>
  </si>
  <si>
    <t>8280</t>
  </si>
  <si>
    <t>4375</t>
  </si>
  <si>
    <t>68100</t>
  </si>
  <si>
    <t>23949</t>
  </si>
  <si>
    <t>232089</t>
  </si>
  <si>
    <t>252919</t>
  </si>
  <si>
    <t>176717</t>
  </si>
  <si>
    <t>11929</t>
  </si>
  <si>
    <t>7616</t>
  </si>
  <si>
    <t>62007</t>
  </si>
  <si>
    <t>40334</t>
  </si>
  <si>
    <t>9680</t>
  </si>
  <si>
    <t>22441</t>
  </si>
  <si>
    <t>297500</t>
  </si>
  <si>
    <t>70423</t>
  </si>
  <si>
    <t>100085</t>
  </si>
  <si>
    <t>156890</t>
  </si>
  <si>
    <t>62550</t>
  </si>
  <si>
    <t>301671</t>
  </si>
  <si>
    <t>86588</t>
  </si>
  <si>
    <t>32966</t>
  </si>
  <si>
    <t>190903</t>
  </si>
  <si>
    <t>8230</t>
  </si>
  <si>
    <t>22120</t>
  </si>
  <si>
    <t>9214</t>
  </si>
  <si>
    <t>5086</t>
  </si>
  <si>
    <t>158300</t>
  </si>
  <si>
    <t>27700</t>
  </si>
  <si>
    <t>109845</t>
  </si>
  <si>
    <t>VEHICULO DE UBER</t>
  </si>
  <si>
    <t>VEHICULO MOTO</t>
  </si>
  <si>
    <t>2057</t>
  </si>
  <si>
    <t>2607</t>
  </si>
  <si>
    <t>ESTACION TRANSMILENIO ZONA INDUSTRIAL</t>
  </si>
  <si>
    <t>7216</t>
  </si>
  <si>
    <t>OTRO</t>
  </si>
  <si>
    <t>17004</t>
  </si>
  <si>
    <t>7920</t>
  </si>
  <si>
    <t>ESTABLECIMIENTO DE COMERCIO</t>
  </si>
  <si>
    <t>8580</t>
  </si>
  <si>
    <t>399000</t>
  </si>
  <si>
    <t>22180</t>
  </si>
  <si>
    <t>22393</t>
  </si>
  <si>
    <t>49570</t>
  </si>
  <si>
    <t>28578</t>
  </si>
  <si>
    <t>746000</t>
  </si>
  <si>
    <t>5300240</t>
  </si>
  <si>
    <t>100881</t>
  </si>
  <si>
    <t>71458</t>
  </si>
  <si>
    <t>ESTABLECIMIENTO PUBLICO</t>
  </si>
  <si>
    <t>362009</t>
  </si>
  <si>
    <t>301380</t>
  </si>
  <si>
    <t>704270</t>
  </si>
  <si>
    <t>7270</t>
  </si>
  <si>
    <t>466000</t>
  </si>
  <si>
    <t>46276</t>
  </si>
  <si>
    <t>21016</t>
  </si>
  <si>
    <t>412698</t>
  </si>
  <si>
    <t>4964</t>
  </si>
  <si>
    <t>49480</t>
  </si>
  <si>
    <t>47053</t>
  </si>
  <si>
    <t>122122</t>
  </si>
  <si>
    <t>400320</t>
  </si>
  <si>
    <t>38552</t>
  </si>
  <si>
    <t>69688</t>
  </si>
  <si>
    <t>15330</t>
  </si>
  <si>
    <t>33465</t>
  </si>
  <si>
    <t>93082</t>
  </si>
  <si>
    <t>590310</t>
  </si>
  <si>
    <t>25283</t>
  </si>
  <si>
    <t>129414</t>
  </si>
  <si>
    <t>1496000</t>
  </si>
  <si>
    <t>FRONTERA</t>
  </si>
  <si>
    <t>856000</t>
  </si>
  <si>
    <t>75363</t>
  </si>
  <si>
    <t>10155</t>
  </si>
  <si>
    <t>7793</t>
  </si>
  <si>
    <t>10909</t>
  </si>
  <si>
    <t>19741</t>
  </si>
  <si>
    <t>16002</t>
  </si>
  <si>
    <t>20426</t>
  </si>
  <si>
    <t>4459</t>
  </si>
  <si>
    <t>142005</t>
  </si>
  <si>
    <t>11195</t>
  </si>
  <si>
    <t>19840</t>
  </si>
  <si>
    <t>19644</t>
  </si>
  <si>
    <t>9910</t>
  </si>
  <si>
    <t>17481</t>
  </si>
  <si>
    <t>4875</t>
  </si>
  <si>
    <t>19240</t>
  </si>
  <si>
    <t>6194</t>
  </si>
  <si>
    <t>20924</t>
  </si>
  <si>
    <t>31840</t>
  </si>
  <si>
    <t>34780</t>
  </si>
  <si>
    <t>21906</t>
  </si>
  <si>
    <t>24042</t>
  </si>
  <si>
    <t>2261000</t>
  </si>
  <si>
    <t>1802000</t>
  </si>
  <si>
    <t>604876</t>
  </si>
  <si>
    <t>167774</t>
  </si>
  <si>
    <t>1778000</t>
  </si>
  <si>
    <t>5091100</t>
  </si>
  <si>
    <t>1626593</t>
  </si>
  <si>
    <t>75973</t>
  </si>
  <si>
    <t>2080000</t>
  </si>
  <si>
    <t>532120</t>
  </si>
  <si>
    <t>4011</t>
  </si>
  <si>
    <t>1109000</t>
  </si>
  <si>
    <t>8385400</t>
  </si>
  <si>
    <t>216075</t>
  </si>
  <si>
    <t>89288</t>
  </si>
  <si>
    <t>197607</t>
  </si>
  <si>
    <t>1148000</t>
  </si>
  <si>
    <t>435372</t>
  </si>
  <si>
    <t>2164320</t>
  </si>
  <si>
    <t>610470</t>
  </si>
  <si>
    <t>507089</t>
  </si>
  <si>
    <t>456835</t>
  </si>
  <si>
    <t>506606</t>
  </si>
  <si>
    <t>425895</t>
  </si>
  <si>
    <t>768000</t>
  </si>
  <si>
    <t>317000</t>
  </si>
  <si>
    <t>423692</t>
  </si>
  <si>
    <t>190600</t>
  </si>
  <si>
    <t>133859</t>
  </si>
  <si>
    <t>491170</t>
  </si>
  <si>
    <t>666000</t>
  </si>
  <si>
    <t>217782</t>
  </si>
  <si>
    <t>1874000</t>
  </si>
  <si>
    <t>196150</t>
  </si>
  <si>
    <t>113430</t>
  </si>
  <si>
    <t>431862</t>
  </si>
  <si>
    <t>248260</t>
  </si>
  <si>
    <t>65917</t>
  </si>
  <si>
    <t>1181343</t>
  </si>
  <si>
    <t>1190000</t>
  </si>
  <si>
    <t>2722000</t>
  </si>
  <si>
    <t>1096000</t>
  </si>
  <si>
    <t>376000</t>
  </si>
  <si>
    <t>219000</t>
  </si>
  <si>
    <t>614000</t>
  </si>
  <si>
    <t>958080</t>
  </si>
  <si>
    <t>2277000</t>
  </si>
  <si>
    <t>840788</t>
  </si>
  <si>
    <t>1850000</t>
  </si>
  <si>
    <t>241516</t>
  </si>
  <si>
    <t>3467000</t>
  </si>
  <si>
    <t>189360</t>
  </si>
  <si>
    <t>1288000</t>
  </si>
  <si>
    <t>2076144</t>
  </si>
  <si>
    <t>18025</t>
  </si>
  <si>
    <t>2630000</t>
  </si>
  <si>
    <t>957000</t>
  </si>
  <si>
    <t>1320000</t>
  </si>
  <si>
    <t>349900</t>
  </si>
  <si>
    <t>516633</t>
  </si>
  <si>
    <t>59920</t>
  </si>
  <si>
    <t>946000</t>
  </si>
  <si>
    <t>28165</t>
  </si>
  <si>
    <t>278028</t>
  </si>
  <si>
    <t>28030</t>
  </si>
  <si>
    <t>8445</t>
  </si>
  <si>
    <t>171700</t>
  </si>
  <si>
    <t>105420</t>
  </si>
  <si>
    <t>3890</t>
  </si>
  <si>
    <t>40681</t>
  </si>
  <si>
    <t>4482</t>
  </si>
  <si>
    <t>32530</t>
  </si>
  <si>
    <t>16975</t>
  </si>
  <si>
    <t>452000</t>
  </si>
  <si>
    <t>16630</t>
  </si>
  <si>
    <t>18900</t>
  </si>
  <si>
    <t>8824</t>
  </si>
  <si>
    <t>1074000</t>
  </si>
  <si>
    <t>640510</t>
  </si>
  <si>
    <t>359359</t>
  </si>
  <si>
    <t>105840</t>
  </si>
  <si>
    <t>35140</t>
  </si>
  <si>
    <t>655800</t>
  </si>
  <si>
    <t>198914</t>
  </si>
  <si>
    <t>481000</t>
  </si>
  <si>
    <t>1080000</t>
  </si>
  <si>
    <t>245000</t>
  </si>
  <si>
    <t>496000</t>
  </si>
  <si>
    <t>162525</t>
  </si>
  <si>
    <t>7403</t>
  </si>
  <si>
    <t>129408</t>
  </si>
  <si>
    <t>22410</t>
  </si>
  <si>
    <t>12786</t>
  </si>
  <si>
    <t>21332</t>
  </si>
  <si>
    <t>4691</t>
  </si>
  <si>
    <t>36860</t>
  </si>
  <si>
    <t>42169</t>
  </si>
  <si>
    <t>1093000</t>
  </si>
  <si>
    <t>18680</t>
  </si>
  <si>
    <t>168020</t>
  </si>
  <si>
    <t>60640</t>
  </si>
  <si>
    <t>5074</t>
  </si>
  <si>
    <t>126026</t>
  </si>
  <si>
    <t>147280</t>
  </si>
  <si>
    <t>VEHICULO TAXI</t>
  </si>
  <si>
    <t>17184</t>
  </si>
  <si>
    <t>37585</t>
  </si>
  <si>
    <t>1862094</t>
  </si>
  <si>
    <t>17583</t>
  </si>
  <si>
    <t>6960</t>
  </si>
  <si>
    <t>CULTIVOS</t>
  </si>
  <si>
    <t>66860</t>
  </si>
  <si>
    <t>3542</t>
  </si>
  <si>
    <t>32030</t>
  </si>
  <si>
    <t>51700</t>
  </si>
  <si>
    <t>12910</t>
  </si>
  <si>
    <t>20613</t>
  </si>
  <si>
    <t>121569</t>
  </si>
  <si>
    <t>6112</t>
  </si>
  <si>
    <t>9440</t>
  </si>
  <si>
    <t>5222</t>
  </si>
  <si>
    <t>4273</t>
  </si>
  <si>
    <t>2861</t>
  </si>
  <si>
    <t>261855</t>
  </si>
  <si>
    <t>41441</t>
  </si>
  <si>
    <t>5299</t>
  </si>
  <si>
    <t>5003</t>
  </si>
  <si>
    <t>12535</t>
  </si>
  <si>
    <t>3534</t>
  </si>
  <si>
    <t>4946</t>
  </si>
  <si>
    <t>3858</t>
  </si>
  <si>
    <t>48715</t>
  </si>
  <si>
    <t>15370</t>
  </si>
  <si>
    <t>5326</t>
  </si>
  <si>
    <t>13209</t>
  </si>
  <si>
    <t>130784</t>
  </si>
  <si>
    <t>11911</t>
  </si>
  <si>
    <t>23990</t>
  </si>
  <si>
    <t>29891</t>
  </si>
  <si>
    <t>9888</t>
  </si>
  <si>
    <t>3574</t>
  </si>
  <si>
    <t>14740</t>
  </si>
  <si>
    <t>12824</t>
  </si>
  <si>
    <t>6429</t>
  </si>
  <si>
    <t>12598</t>
  </si>
  <si>
    <t>11383</t>
  </si>
  <si>
    <t>76817</t>
  </si>
  <si>
    <t>8587</t>
  </si>
  <si>
    <t>5572</t>
  </si>
  <si>
    <t>19164</t>
  </si>
  <si>
    <t>3673</t>
  </si>
  <si>
    <t>13678</t>
  </si>
  <si>
    <t>1701</t>
  </si>
  <si>
    <t>17840</t>
  </si>
  <si>
    <t>13120</t>
  </si>
  <si>
    <t>81700</t>
  </si>
  <si>
    <t>24939</t>
  </si>
  <si>
    <t>MONGUA</t>
  </si>
  <si>
    <t>TUTAZÁ</t>
  </si>
  <si>
    <t>9854</t>
  </si>
  <si>
    <t>8224</t>
  </si>
  <si>
    <t>12537</t>
  </si>
  <si>
    <t>5147</t>
  </si>
  <si>
    <t>1201828</t>
  </si>
  <si>
    <t>19786</t>
  </si>
  <si>
    <t>16354</t>
  </si>
  <si>
    <t>22893</t>
  </si>
  <si>
    <t>53527</t>
  </si>
  <si>
    <t>840122</t>
  </si>
  <si>
    <t>594000</t>
  </si>
  <si>
    <t>5526</t>
  </si>
  <si>
    <t>17198</t>
  </si>
  <si>
    <t>15169</t>
  </si>
  <si>
    <t>18985</t>
  </si>
  <si>
    <t>30450</t>
  </si>
  <si>
    <t>31575</t>
  </si>
  <si>
    <t>9630</t>
  </si>
  <si>
    <t>51510</t>
  </si>
  <si>
    <t>211800</t>
  </si>
  <si>
    <t>36287</t>
  </si>
  <si>
    <t>2140000</t>
  </si>
  <si>
    <t>120015</t>
  </si>
  <si>
    <t>8135</t>
  </si>
  <si>
    <t>193062</t>
  </si>
  <si>
    <t>16475</t>
  </si>
  <si>
    <t>9889</t>
  </si>
  <si>
    <t>11288</t>
  </si>
  <si>
    <t>15803</t>
  </si>
  <si>
    <t>200093</t>
  </si>
  <si>
    <t>TRANSPORTE INTERMUNICIPAL</t>
  </si>
  <si>
    <t>76203</t>
  </si>
  <si>
    <t>15022</t>
  </si>
  <si>
    <t>80102</t>
  </si>
  <si>
    <t>150700</t>
  </si>
  <si>
    <t>153346</t>
  </si>
  <si>
    <t>232500</t>
  </si>
  <si>
    <t>1468406</t>
  </si>
  <si>
    <t>5816</t>
  </si>
  <si>
    <t>3017</t>
  </si>
  <si>
    <t>22035</t>
  </si>
  <si>
    <t>8195</t>
  </si>
  <si>
    <t>9080</t>
  </si>
  <si>
    <t>49725</t>
  </si>
  <si>
    <t>33600</t>
  </si>
  <si>
    <t>247561</t>
  </si>
  <si>
    <t>3617</t>
  </si>
  <si>
    <t>15600</t>
  </si>
  <si>
    <t>4508</t>
  </si>
  <si>
    <t>8018</t>
  </si>
  <si>
    <t>5158</t>
  </si>
  <si>
    <t>227095</t>
  </si>
  <si>
    <t>2732</t>
  </si>
  <si>
    <t>4386</t>
  </si>
  <si>
    <t>5488</t>
  </si>
  <si>
    <t>788000</t>
  </si>
  <si>
    <t>10639</t>
  </si>
  <si>
    <t>2274</t>
  </si>
  <si>
    <t>10080</t>
  </si>
  <si>
    <t>36656</t>
  </si>
  <si>
    <t>72950</t>
  </si>
  <si>
    <t>11850</t>
  </si>
  <si>
    <t>222044</t>
  </si>
  <si>
    <t>6279</t>
  </si>
  <si>
    <t>ESTACION DE ARTICULADO</t>
  </si>
  <si>
    <t>5614</t>
  </si>
  <si>
    <t>211356</t>
  </si>
  <si>
    <t>6051</t>
  </si>
  <si>
    <t>8406</t>
  </si>
  <si>
    <t>5920</t>
  </si>
  <si>
    <t>16014</t>
  </si>
  <si>
    <t>59872</t>
  </si>
  <si>
    <t>8487</t>
  </si>
  <si>
    <t>221702</t>
  </si>
  <si>
    <t>1707</t>
  </si>
  <si>
    <t>4174</t>
  </si>
  <si>
    <t>15241</t>
  </si>
  <si>
    <t>6174</t>
  </si>
  <si>
    <t>4869</t>
  </si>
  <si>
    <t>14381</t>
  </si>
  <si>
    <t>5684</t>
  </si>
  <si>
    <t>22990</t>
  </si>
  <si>
    <t>87716</t>
  </si>
  <si>
    <t>23598</t>
  </si>
  <si>
    <t>2361</t>
  </si>
  <si>
    <t>20496</t>
  </si>
  <si>
    <t>23664</t>
  </si>
  <si>
    <t>86746</t>
  </si>
  <si>
    <t>46390</t>
  </si>
  <si>
    <t>154400</t>
  </si>
  <si>
    <t>13791</t>
  </si>
  <si>
    <t>9382</t>
  </si>
  <si>
    <t>21090</t>
  </si>
  <si>
    <t>161205</t>
  </si>
  <si>
    <t>68633</t>
  </si>
  <si>
    <t>14021</t>
  </si>
  <si>
    <t>26412</t>
  </si>
  <si>
    <t>41105</t>
  </si>
  <si>
    <t>6930</t>
  </si>
  <si>
    <t>3101</t>
  </si>
  <si>
    <t>3443</t>
  </si>
  <si>
    <t>41950</t>
  </si>
  <si>
    <t>3718</t>
  </si>
  <si>
    <t>3643</t>
  </si>
  <si>
    <t>14086</t>
  </si>
  <si>
    <t>21826</t>
  </si>
  <si>
    <t>7964</t>
  </si>
  <si>
    <t>14925</t>
  </si>
  <si>
    <t>107300</t>
  </si>
  <si>
    <t>8041</t>
  </si>
  <si>
    <t>5383</t>
  </si>
  <si>
    <t>6867</t>
  </si>
  <si>
    <t>70819</t>
  </si>
  <si>
    <t>124315</t>
  </si>
  <si>
    <t>555150</t>
  </si>
  <si>
    <t>135250</t>
  </si>
  <si>
    <t>9050</t>
  </si>
  <si>
    <t>2698000</t>
  </si>
  <si>
    <t>15489</t>
  </si>
  <si>
    <t>216195</t>
  </si>
  <si>
    <t>9118</t>
  </si>
  <si>
    <t>64850</t>
  </si>
  <si>
    <t>84500</t>
  </si>
  <si>
    <t>16032</t>
  </si>
  <si>
    <t>30804</t>
  </si>
  <si>
    <t>10984</t>
  </si>
  <si>
    <t>21848</t>
  </si>
  <si>
    <t>7487</t>
  </si>
  <si>
    <t>35096</t>
  </si>
  <si>
    <t>337220</t>
  </si>
  <si>
    <t>13878</t>
  </si>
  <si>
    <t>32262</t>
  </si>
  <si>
    <t>23885</t>
  </si>
  <si>
    <t>30034</t>
  </si>
  <si>
    <t>11076</t>
  </si>
  <si>
    <t>14462</t>
  </si>
  <si>
    <t>23296</t>
  </si>
  <si>
    <t>15036</t>
  </si>
  <si>
    <t>53625</t>
  </si>
  <si>
    <t>676114</t>
  </si>
  <si>
    <t>55800</t>
  </si>
  <si>
    <t>97400</t>
  </si>
  <si>
    <t>7660</t>
  </si>
  <si>
    <t>49600</t>
  </si>
  <si>
    <t>4647</t>
  </si>
  <si>
    <t>185600</t>
  </si>
  <si>
    <t>25232</t>
  </si>
  <si>
    <t>25600</t>
  </si>
  <si>
    <t>36250</t>
  </si>
  <si>
    <t>6515</t>
  </si>
  <si>
    <t>3525000</t>
  </si>
  <si>
    <t>6772</t>
  </si>
  <si>
    <t>13441</t>
  </si>
  <si>
    <t>5949</t>
  </si>
  <si>
    <t>25679</t>
  </si>
  <si>
    <t>24841</t>
  </si>
  <si>
    <t>38150</t>
  </si>
  <si>
    <t>50863</t>
  </si>
  <si>
    <t>5424</t>
  </si>
  <si>
    <t>15683</t>
  </si>
  <si>
    <t>ESTABLECIMIENTO DE MENSAJERIA</t>
  </si>
  <si>
    <t>16750</t>
  </si>
  <si>
    <t>CASETA VIGILANCIA EMPRESAS</t>
  </si>
  <si>
    <t>4977</t>
  </si>
  <si>
    <t>7483</t>
  </si>
  <si>
    <t>20671</t>
  </si>
  <si>
    <t>50598</t>
  </si>
  <si>
    <t>11428</t>
  </si>
  <si>
    <t>58212</t>
  </si>
  <si>
    <t>1254000</t>
  </si>
  <si>
    <t>10780</t>
  </si>
  <si>
    <t>27176</t>
  </si>
  <si>
    <t>4758</t>
  </si>
  <si>
    <t>200008</t>
  </si>
  <si>
    <t>40257</t>
  </si>
  <si>
    <t>27200</t>
  </si>
  <si>
    <t>100988</t>
  </si>
  <si>
    <t>29916</t>
  </si>
  <si>
    <t>59380</t>
  </si>
  <si>
    <t>125044</t>
  </si>
  <si>
    <t>20650</t>
  </si>
  <si>
    <t>21525</t>
  </si>
  <si>
    <t>32955</t>
  </si>
  <si>
    <t>26070</t>
  </si>
  <si>
    <t>21530</t>
  </si>
  <si>
    <t>20480</t>
  </si>
  <si>
    <t>8366</t>
  </si>
  <si>
    <t>532688</t>
  </si>
  <si>
    <t>126742</t>
  </si>
  <si>
    <t>70250</t>
  </si>
  <si>
    <t>5896</t>
  </si>
  <si>
    <t>24700</t>
  </si>
  <si>
    <t>84181</t>
  </si>
  <si>
    <t>82553</t>
  </si>
  <si>
    <t>2563304</t>
  </si>
  <si>
    <t>77500</t>
  </si>
  <si>
    <t>562800</t>
  </si>
  <si>
    <t>90162</t>
  </si>
  <si>
    <t>87037</t>
  </si>
  <si>
    <t>25105</t>
  </si>
  <si>
    <t>3602</t>
  </si>
  <si>
    <t>6635</t>
  </si>
  <si>
    <t>3579878</t>
  </si>
  <si>
    <t>56430</t>
  </si>
  <si>
    <t>260003</t>
  </si>
  <si>
    <t>509000</t>
  </si>
  <si>
    <t>54171</t>
  </si>
  <si>
    <t>69440</t>
  </si>
  <si>
    <t>574460</t>
  </si>
  <si>
    <t>9120</t>
  </si>
  <si>
    <t>179000</t>
  </si>
  <si>
    <t>21750</t>
  </si>
  <si>
    <t>41800</t>
  </si>
  <si>
    <t>6336</t>
  </si>
  <si>
    <t>16170</t>
  </si>
  <si>
    <t>3486</t>
  </si>
  <si>
    <t>50700</t>
  </si>
  <si>
    <t>23220</t>
  </si>
  <si>
    <t>17290</t>
  </si>
  <si>
    <t>153688</t>
  </si>
  <si>
    <t>102071</t>
  </si>
  <si>
    <t>BARRANQUILLA</t>
  </si>
  <si>
    <t>CARTAGENA</t>
  </si>
  <si>
    <t>CARTAGENADEL CHAIRÁ</t>
  </si>
  <si>
    <t xml:space="preserve">VILLAVICENCIO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indexed="8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8">
    <xf numFmtId="0" fontId="0" fillId="0" borderId="0" xfId="0"/>
    <xf numFmtId="0" fontId="0" fillId="0" borderId="0" xfId="0"/>
    <xf numFmtId="0" fontId="0" fillId="0" borderId="0" xfId="0"/>
    <xf numFmtId="0" fontId="0" fillId="0" borderId="0" xfId="0"/>
    <xf numFmtId="0" fontId="0" fillId="0" borderId="0" xfId="0"/>
    <xf numFmtId="0" fontId="0" fillId="0" borderId="0" xfId="0"/>
    <xf numFmtId="0" fontId="0" fillId="0" borderId="0" xfId="0"/>
    <xf numFmtId="0" fontId="0" fillId="0" borderId="0" xfId="0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First Shee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Suarez Conde, Santiago</cp:lastModifiedBy>
  <dcterms:created xsi:type="dcterms:W3CDTF">2018-10-11T21:04:39Z</dcterms:created>
  <dcterms:modified xsi:type="dcterms:W3CDTF">2018-10-12T14:50:08Z</dcterms:modified>
</cp:coreProperties>
</file>